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48\"/>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931" uniqueCount="706">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21/11/2020</t>
  </si>
  <si>
    <t>07:00:00:00</t>
  </si>
  <si>
    <t>N0024672</t>
  </si>
  <si>
    <t>Le monde selon Kal : La carte invisible</t>
  </si>
  <si>
    <t>The Big Picture with Kal Penn</t>
  </si>
  <si>
    <t>Off The Map</t>
  </si>
  <si>
    <t>00:21</t>
  </si>
  <si>
    <t>United States</t>
  </si>
  <si>
    <t>Dans ce nouvel épisode, Kal Penn s'intéresse aux endroits cachés, mal nommés ou qui ont tout simplement disparu des cartes. Kal explore notamment un mystérieux bunker du gouvernement installé à la vue de tous dans un quartier résidentiel de Washington DC. Partez également à la rencontre de scientifiques citoyens qui révolutionnent l'exploration sous-marine. Autrefois lieu d'importantes expéditions financées par les gouvernements, ces océanographes organisent aujourd'hui des missions d'exploration pour moins de 1000 dollars. Mais tous les endroits ne peuvent pas être cartographiés grâce à la technologie. Découvrez des cavernes qu'il n'y a qu'un moyen d'explorer, en rampant !</t>
  </si>
  <si>
    <t>07:20:00:00</t>
  </si>
  <si>
    <t>N0024590</t>
  </si>
  <si>
    <t>Le monde selon Kal : Aliments d'origine contrôlée</t>
  </si>
  <si>
    <t>Eat This!</t>
  </si>
  <si>
    <t>Avec la possibilité de choisir parmi plusieurs milliers de plantes comestibles et entre des viandes allant du cricket à l'opossum, la question "Qu'est-ce qu'il y a pour le dîner ?" pourrait entraîner des réponses des plus surprenantes. Retrouvez Kal Penn dans ce nouvel épisode qui a décidé de concocter un menu inhabituel et étrange. Pour l'entrée, direction Orlando, en Floride, capitale inattendue de la pizza aux États-Unis. Le plat de résistance sera quant à lui servi à Oaxaca, au Mexique, où les sauterelles constituent un met de premier choix. Et pour arroser le tout, suivez le chemin sombre de la distillation illicite à travers l'Amérique.</t>
  </si>
  <si>
    <t>07:45:00:00</t>
  </si>
  <si>
    <t>P0949184</t>
  </si>
  <si>
    <t>Made in USA : La paire de baskets</t>
  </si>
  <si>
    <t>Made In A Day</t>
  </si>
  <si>
    <t>Sneakers</t>
  </si>
  <si>
    <t>00:30</t>
  </si>
  <si>
    <t>United Kingdom</t>
  </si>
  <si>
    <t>Pénétrez dans les coulisses de l’usine New Balance, située à Lawrence, dans le Massachusetts. L’entreprise est l’une des dernières grandes marques de baskets qui continuent de confectionner leurs chaussures aux États-Unis. Son modèle le plus vendu est le résultat d’une parfaite alliance entre machines de pointe, savoir-faire artisanal et logistique mondiale.</t>
  </si>
  <si>
    <t>08:10:00:00</t>
  </si>
  <si>
    <t>P0949185</t>
  </si>
  <si>
    <t>Made in USA : Le whisky Jack Daniels</t>
  </si>
  <si>
    <t>Whiskey</t>
  </si>
  <si>
    <t>Il y a 150 ans, à Lynchburg, dans le Tennessee, le spiritueux devenu le plus célèbre des États-Unis connaissait de bien modestes débuts. Aujourd’hui, cette même distillerie produit plus de 120 millions de bouteilles par an de l’une des boissons les plus prisées de par le monde. Du broyage des céréales au vieillissement au charbon de bois dans des fûts, en passant par la distillation, découvrez le processus de fabrication du whisky Jack Daniels au cœur d’un marché d’une valeur de 800 milliards de dollars par an.</t>
  </si>
  <si>
    <t>08:35:00:00</t>
  </si>
  <si>
    <t>P0949186</t>
  </si>
  <si>
    <t>Made in USA : L'hélicoptère</t>
  </si>
  <si>
    <t>Helicopters</t>
  </si>
  <si>
    <t>En première ligne à la moindre urgence majeure, 30 000 hélicoptères civils sont prêts à intervenir à travers le monde. Pénétrez dans les coulisses de l’usine d’Airbus, fabricant de l’hélicoptère monomoteur le plus populaire sur la planète, le H-125.</t>
  </si>
  <si>
    <t>09:00:00:00</t>
  </si>
  <si>
    <t>P0949187</t>
  </si>
  <si>
    <t>Made in USA : Les repas des avions</t>
  </si>
  <si>
    <t>Airplane Meals</t>
  </si>
  <si>
    <t>Plus grand traiteur pour compagnies aériennes au monde, Gate Gourmet produit chaque année des millions de repas depuis son immense cuisine de Los Angeles. Percez les secrets de ces chefs de haut vol qui concoctent de bons petits plats à partir d’ingrédients locaux aux 40 000 passagers décollant de Los Angeles chaque jour.</t>
  </si>
  <si>
    <t>09:25:00:00</t>
  </si>
  <si>
    <t>P0763932</t>
  </si>
  <si>
    <t>Megafactories : La salle de concert d'Hambourg</t>
  </si>
  <si>
    <t>Megafactories</t>
  </si>
  <si>
    <t>World's Greatest Concert Hall</t>
  </si>
  <si>
    <t>00:43</t>
  </si>
  <si>
    <t xml:space="preserve">À Hambourg, sur le toit d'une ancienne usine, les architectes du Birds Nest Stadium de Pékin construisent une nouvelle salle de concert imposante, en espérant qu'elle rendra la ville célèbre à travers le monde. Mais pour attirer les musiciens les plus cotés, le son doit être parfait, et les travaux d'acoustique s'avèrent compliqués. Pour ajouter à la pression, le bâtiment est en retard de plusieurs années sur le planning, et dépasse le budget de plusieurs millions d'euros. </t>
  </si>
  <si>
    <t>10:20:00:00</t>
  </si>
  <si>
    <t>P0948777</t>
  </si>
  <si>
    <t>Ultimate Airport Pérou et Brésil : Saisie de bagages</t>
  </si>
  <si>
    <t>Airport Security: Peru and Brazil</t>
  </si>
  <si>
    <t>Busted Baggage</t>
  </si>
  <si>
    <t>01:00</t>
  </si>
  <si>
    <t>Argentina</t>
  </si>
  <si>
    <t>À l’aéroport international Jorge Chavez de Lima, au Pérou, les forces de sécurité œuvrent sans relâche pour identifier les trafiquants. Un homme dissimule de la cocaïne dans la structure de sa valise et fond en larmes lorsqu’il annonce à sa mère son arrestation. Alors qu’un voyageur en partance pour l’Espagne transporte des stupéfiants au sein d’emballages alimentaires, un couple souhaite se rendre au Mexique avec un animal de compagnie peu commun. Enfin, une passagère à destination du Mexique craint que le cadeau qu’elle a reçu ne cache en réalité de la contrebande.</t>
  </si>
  <si>
    <t>11:15:00:00</t>
  </si>
  <si>
    <t>P0948931</t>
  </si>
  <si>
    <t>Ultimate Airport Pérou et Brésil : Bain de cocaïne</t>
  </si>
  <si>
    <t>Soaked In Cocaine</t>
  </si>
  <si>
    <t>À l’aéroport international Jorge Chavez de Lima, au Pérou, les agents de la brigade des stupéfiants œuvrent sans relâche afin d’empêcher toute substance illicite de sortir du territoire. Des policiers se lancent dans une course-poursuite pour localiser un suspect retrouvé dans un endroit inattendu. Un trafiquant arrogant transporte le double de la charge autorisée et un jeune homme se révèle avoir avalé et scotché de la drogue sur son corps. Un cas d’addiction au café ainsi que de la cocaïne dissimulée sous un manteau et dans des pièces mécaniques seront également au programme.</t>
  </si>
  <si>
    <t>12:10:00:00</t>
  </si>
  <si>
    <t>P0873040</t>
  </si>
  <si>
    <t>Ultimate Airport Brésil : Poudre blanchissante</t>
  </si>
  <si>
    <t>Airport Security: Brazil</t>
  </si>
  <si>
    <t>Cocaine Blame</t>
  </si>
  <si>
    <t>À l’aéroport international de Sao Paulo, les agents de la police fédérale luttent 24h/24 et 7j/7 contre les activités illicites. Leur principal défi : le trafic de cocaïne. Ils interpellent une femme en possession de plusieurs sacs à main remplis de cocaïne qui clame son innocence. Elle explose de rage lorsque les policiers lui ramènent son petit-ami. En parallèle, les forces de l’ordre interceptent de la drogue sous forme de poudre décolorante et arrêtent une seconde femme qui dissimule de la cocaïne dans ses sous-vêtements… et peut-être ailleurs.</t>
  </si>
  <si>
    <t>13:05:00:00</t>
  </si>
  <si>
    <t>P0873039</t>
  </si>
  <si>
    <t>Ultimate Airport Brésil : Coup de théâtre</t>
  </si>
  <si>
    <t>Cardiac Cocaine</t>
  </si>
  <si>
    <t>À l’aéroport international de Sao Paulo, les agents de la police fédérale luttent 24h/24 et 7j/7 contre les activités illicites. Leur principal défi : le trafic de cocaïne. Une femme qui transportait des stupéfiants dans des sachets de produits décolorants capillaires est arrêtée. Prise d’un malaise spectaculaire, les agents craignent le pire. En parallèle, des policiers découvrent près de trois kilos de cocaïne au milieu de photos du pape. En plein délit de fuite, un homme dissimulant de la poudre dans la doublure de ses bagages est interpellé.</t>
  </si>
  <si>
    <t>13:55:00:00</t>
  </si>
  <si>
    <t>P0797350</t>
  </si>
  <si>
    <t>Air Crash : Zone de guerre en Ukraine</t>
  </si>
  <si>
    <t>Air Crash Investigation</t>
  </si>
  <si>
    <t>Deadly Airspace</t>
  </si>
  <si>
    <t>Un avion commercial chute sur une zone de guerre dans l’est de l’Ukraine. Selon les éléments de preuve, un missile surface-air serait à l’origine de la catastrophe. Au milieu des spéculations des médias et dans un contexte de guerre, les enquêteurs sont bien décidés à obtenir des réponses pour les familles des 298 victimes. Des obstacles d’ordre politique ne cessent de se mettre en travers de leur chemin.</t>
  </si>
  <si>
    <t>14:45:00:00</t>
  </si>
  <si>
    <t>P0797351</t>
  </si>
  <si>
    <t>Air Crash : Test mortel en Indonésie</t>
  </si>
  <si>
    <t>Deadly Display</t>
  </si>
  <si>
    <t>En Indonésie, lors d’un vol de présentation aux enjeux de taille, un Soukhoï SuperJet de fabrication russe percute de plein fouet une montagne, tuant tous les passagers à bord. Il s’agit de l’une des opérations de sauvetage les plus difficiles auxquelles ont été confrontés les enquêteurs indonésiens. Une fois face à la carcasse de l’avion, de nombreuses interrogations subsistent : comment un avion à réaction flambant neuf équipé d’un système de navigation sophistiqué et d’un équipage expérimenté à son bord a-t-il bien pu s’écraser dans la montagne ?</t>
  </si>
  <si>
    <t>15:40:00:00</t>
  </si>
  <si>
    <t>P0797352</t>
  </si>
  <si>
    <t>Air Crash : Explosion en orbite</t>
  </si>
  <si>
    <t>Deadly Mission</t>
  </si>
  <si>
    <t>Au cœur du désert de Mojave, en Californie, des pilotes d’essai de la compagnie Virgin Galactic sont aux commandes d’un avion dédié aux vols suborbitaux. Alors que le vaisseau spatial prend de la vitesse vers les confins de l’atmosphère terrestre, avoisinant la vitesse du son, il se brise en mille morceaux et chute au sol. L’avenir des vols commerciaux dans l’espace est alors en jeu et les enquêteurs doivent faire la lumière sur les causes de l’accident.</t>
  </si>
  <si>
    <t>16:35:00:00</t>
  </si>
  <si>
    <t>P0839914</t>
  </si>
  <si>
    <t>Air Crash : À la frontière</t>
  </si>
  <si>
    <t>Borderline Tactics</t>
  </si>
  <si>
    <t>Canada</t>
  </si>
  <si>
    <t>Un avion-cargo américain tente un atterrissage délicat sur la base navale de la baie de Guantánamo, à Cuba. La piste n’étant qu’à quelques mètres de la frontière armée, la manœuvre implique d’éviter l’espace aérien cubain. Mais son approche finale tourne mal et le DC-8 vient s’écraser en bout de piste. Les enquêteurs s’interrogent alors sur le potentiel rôle de Cuba dans la catastrophe mais finissent par découvrir un coupable inattendu qui menace la vie des pilotes d’avion-cargo aux quatre coins du monde.</t>
  </si>
  <si>
    <t>17:30:00:00</t>
  </si>
  <si>
    <t>N0018088</t>
  </si>
  <si>
    <t>Aéroport JFK : Pris en flag ! : Le baron de la drogue</t>
  </si>
  <si>
    <t>To Catch A Smuggler: JFK Airport</t>
  </si>
  <si>
    <t>Courier To Kingpin</t>
  </si>
  <si>
    <t>00:44</t>
  </si>
  <si>
    <t>Quatre kilos de cocaïne, deux avions de contrebandes et un faux enlèvement ? Quand on travaille comme douanier à l'aéroport JFK, il faut s'attendre à tout. Et dans ce nouvel épisode, le défi est de taille...</t>
  </si>
  <si>
    <t>18:25:00:00</t>
  </si>
  <si>
    <t>P0926818</t>
  </si>
  <si>
    <t>Ultimate airport : USA - Enquête interne</t>
  </si>
  <si>
    <t>To Catch A Smuggler</t>
  </si>
  <si>
    <t>Internal Investigation</t>
  </si>
  <si>
    <t>À l’aéroport de Miami, un passager qui se rend régulièrement en Colombie attire l’attention. Après des interrogatoires plus approfondis, les agents le soupçonnent d’introduire clandestinement des stupéfiants sur le territoire. Ils fouillent alors les marchandises à la recherche de drogues afin de garder une longueur d’avance sur les cartels. À l’aéroport John F. Kennedy de New York, les enquêteurs du département de la Sécurité effectuent une livraison piégée d’ecstasy à Wall Street suite à l’interception de la cargaison au centre postal. À celui de Los Angeles, deux passagers sont interrogés au sujet de leurs voyages et le passé d’usager de drogue de l’un d’entre eux revient les hanter.</t>
  </si>
  <si>
    <t>19:20:00:00</t>
  </si>
  <si>
    <t>P0927365</t>
  </si>
  <si>
    <t>Ultimate airport : USA - La guerre contre la cocaïne</t>
  </si>
  <si>
    <t>Cocaine Crackdown</t>
  </si>
  <si>
    <t>À l’aéroport John F. Kennedy de New York, les agents des douanes interrogent une femme âgée en provenance du Pérou, qu’ils suspectent de dissimuler de la drogue dans des bouteilles. À Miami, les enquêteurs mettent au point un ingénieux guet-apens et livrent de la cocaïne cachée dans une cargaison de tableaux. À Los Angeles, plusieurs valises abandonnées éveillent les soupçons des policiers.</t>
  </si>
  <si>
    <t>20:10:00:00</t>
  </si>
  <si>
    <t>P0928015</t>
  </si>
  <si>
    <t>Ultimate airport : USA -Valise suspecte</t>
  </si>
  <si>
    <t>Suspicious Suitcase</t>
  </si>
  <si>
    <t>Intrigués par son étrange histoire et sa valise flambant neuve, les agents des douanes de l’aéroport de Miami interrogent un passager en provenance de Jamaïque. Suite à la découverte d’anomalies dans ses bagages, ils le soupçonnent de faire passer clandestinement des stupéfiants. À l’aéroport John F. Kennedy de New York, les policiers mettent la main sur un mystérieux paquet qui contient des santiags susceptibles de cacher autre chose. De leur côté, les enquêteurs trouvent des pistons remplis de cocaïne, qu’ils livrent à l’adresse indiquée, où ils effectuent une perquisition.</t>
  </si>
  <si>
    <t>21:00:00:00</t>
  </si>
  <si>
    <t>N0025422</t>
  </si>
  <si>
    <t>Air Crash : Terrible conclusion</t>
  </si>
  <si>
    <t>Fatal Focus</t>
  </si>
  <si>
    <t>Le 7 mars 2007, après un court vol en provenance de Jakarta, la capitale indonésienne, le Boeing 737 du vol Garuda 200 frappe le sol du Yogyakarta si fort qu'il rebondit à deux reprises avant d'être éjecté de la piste. Sur les 140 passagers se trouvant à bord, 21 sont tués. Les enquêteurs sont sous pression pour apporter des réponses rapides concernant l'accident. Après plusieurs pistes n'ayant pas abouti, ils font une incroyable découverte concernant la manière dont l'avion a été configuré pour l'atterrissage. L'analyse de l'enregistrement audio du cockpit leur apporte là encore des réponses surprenantes.</t>
  </si>
  <si>
    <t>21:50:00:00</t>
  </si>
  <si>
    <t>N0025461</t>
  </si>
  <si>
    <t>Air Crash : Impact explosif</t>
  </si>
  <si>
    <t>Steep Impact</t>
  </si>
  <si>
    <t>Avec à son bord un astronaute de la NASA, un ancien sénateur américain et 21 autres passagers, le crash du vol régional 2311 Atlantic Southeast Airlines le 5 avril 1991 a fait les gros titres des journaux du monde entier. Rapidement, les enquêteurs ont élaboré une théorie expliquant le crash. Un seul problème, le fabricant de l'Embraer EMB-120 affirme que cela est totalement impossible. Suivant son intuition, un enquêteur met sa réputation en jeu pour découvrir ce qui s'est réellement passé durant ce vol.</t>
  </si>
  <si>
    <t>22:40:00:00</t>
  </si>
  <si>
    <t>N0025460</t>
  </si>
  <si>
    <t>Air Crash : Carnage à São Paulo</t>
  </si>
  <si>
    <t>Carnage In Sao Paulo</t>
  </si>
  <si>
    <t>Le 31 octobre 1996, peu après son décollage de l'aéroport Congonhas de Sao Paulo, au Brésil, le Fokker 100 du vol TAM Airlines 402 s'écrase sur un quartier résidentiel et prend feu, tuant les 95 personnes qui se trouvaient à bord. Les enquêteurs des forces aériennes brésiliennes se joignent aux équipes du Conseil national de la sécurité des transports américain et découvrent une série d'évènements qui ont conduit à une défaillance si rare qu'elle paraît impossible.</t>
  </si>
  <si>
    <t>23:30:00:00</t>
  </si>
  <si>
    <t>N0016143</t>
  </si>
  <si>
    <t>Air Crash : Avion en feu</t>
  </si>
  <si>
    <t>Panic On The Runway</t>
  </si>
  <si>
    <t>00:46</t>
  </si>
  <si>
    <t xml:space="preserve">22 août 1985. Le vol British Airlines décolle de l'aéroport de Manchester à destination de Corfou, en Grèce. Alors que l'avion accélère, un bruit se fait entendre dans le fuselage, contraignant les pilotes à renoncer au décollage. Le personnel naviguant pense à l'éclatement d'un pneu mais les passagers assis dans les rangées de gauche comprennent que le vrai problème provient du moteur en feu. Rapidement, la cabine se remplit de fumée noire et les passagers, paniqués, se battent pour s'enfuir. En quelques minutes seulement, l'avion est entièrement détruit par les flammes, causant la mort de 55 personnes. Les enquêteurs parviendront-ils à déterminer comment une urgence minime s'est transformée en une des catastrophes aériennes les plus dramatiques de l'histoire de l'aviation britannique ?
</t>
  </si>
  <si>
    <t>24:15:00:00</t>
  </si>
  <si>
    <t>N0025419</t>
  </si>
  <si>
    <t>Air Crash : Mission mortelle</t>
  </si>
  <si>
    <t>Un avion de transport DC-6 des Nations Unies vole pour une mission top secrète au-dessus de l'Afrique centrale avec à son bord le Secrétaire Général de l'ONU, Dag Hammarskjöld. Mais peu avant l'atterrissage, l'avion s'écrase mystérieusement à quelques kilomètres seulement de la piste. La mort de l'un des principaux leaders mondiaux est un véritable choc. Les enquêteurs du gouvernement rhodésien concluent finalement à une erreur de pilotage mais les sceptiques sont nombreux à ne pas adhérer à la thèse officielle et à penser que Hammarskjöld a été assassiné. Lorsque, 50 ans plus tard, des preuves d'une attaque organisée sur l'avion de Dag Hammarskjöld refont surface, une commission spéciale est créée pour mener une nouvelle enquête controversée sur l'un des légendaires mystères de l'aviation.</t>
  </si>
  <si>
    <t>25:00:00:00</t>
  </si>
  <si>
    <t>N0025420</t>
  </si>
  <si>
    <t>Air Crash : Au bord du désastre</t>
  </si>
  <si>
    <t>Edge of Disaster</t>
  </si>
  <si>
    <t>Le 10 octobre 2006, le vol Atlantic Airways 670 transporte les employés d'un groupe pétrolier vers leur lieu de travail. Lors d'un arrêt de routine sur la petite île norvégienne de Stord, le British Aerospace 146 quitte la piste et dévale le ravin. L'un des moteurs est toujours en marche, plusieurs sorties sont bloquées et l'avion ne met pas longtemps à s'enflammer. Parmi les seize membres d'équipage et passagers, quatre ne parviennent pas à s'extirper de l'appareil et décèdent dans l'accident. Ne restant presque rien de l'épave, c'est une mystérieuse substance retrouvée sur la piste qui pourrait bien aider les enquêteurs à comprendre ce qui a provoqué cette tragédie.</t>
  </si>
  <si>
    <t>25:45:00:00</t>
  </si>
  <si>
    <t>N0025421</t>
  </si>
  <si>
    <t>Air Crash : Retard mortel</t>
  </si>
  <si>
    <t>Deadly Delay</t>
  </si>
  <si>
    <t>Le 20 août 2008, le MD-82 du vol Spanair 5022 prend un virage à droite, s'écrase dans une crique et prend feu, peu après son décollage de l'aéroport international de Madrid-Barajas. Avec un total de 154 victimes, c'est la pire catastrophe aérienne que l'Espagne ait connu depuis des décennies. Les enquêteurs penchent rapidement pour une théorie concernant les causes de l'accident mais des preuves contradictoires dans les enregistrements du cockpit les orientent finalement dans une autre direction.</t>
  </si>
  <si>
    <t>26:30:00:00</t>
  </si>
  <si>
    <t>N0015868</t>
  </si>
  <si>
    <t>Air Crash : Trois pilotes dans le cockpit</t>
  </si>
  <si>
    <t>Who's In Control?</t>
  </si>
  <si>
    <t>25 février 2009 : arrivant d'Istanbul, le vol n°1951 de la Turkish Airlines approche de l'aéroport Schiphol d'Amsterdam. L'équipage suit les instructions de la tour de contrôle pour atterrir sur la piste. Au dernier moment pourtant, l'avion tombe soudainement à pic et s'écrase dans un champ boueux au nord de l'aéroport. On déplore 9 morts sur les 135 personnes à bord, et les enquêteurs commencent à fouiller l'épave pour déterminer les causes de l'accident. Pourront-ils trouver à temps ce qui a bien pu se passer pour empêcher d'autres catastrophes de se produire ?</t>
  </si>
  <si>
    <t>27:15:00:00</t>
  </si>
  <si>
    <t>27:35:00:00</t>
  </si>
  <si>
    <t>28:00:00:00</t>
  </si>
  <si>
    <t>P0949118</t>
  </si>
  <si>
    <t>Trésors sous les mers : La Seconde Guerre mondiale</t>
  </si>
  <si>
    <t>Drain The Oceans</t>
  </si>
  <si>
    <t>Drain The Last Wrecks of WWII</t>
  </si>
  <si>
    <t>00:50</t>
  </si>
  <si>
    <t>À l’aide des dernières technologies, une opération d’exploration sous-marine met au jour l’existence d’un navire naufragé de la Seconde Guerre mondiale. L’épave de l’un des U-boat d’Hitler laisse, encore aujourd’hui, des séquelles empoisonnées. L’attaque de la marine américaine par un pilote kamikaze révèle les méthodes désespérées du Japon. Bien déterminée à remporter la guerre du Pacifique, l’armée américaine précipite l’ultime bombardier en date au cœur de la bataille.</t>
  </si>
  <si>
    <t>28:45:00:00</t>
  </si>
  <si>
    <t>P0949116</t>
  </si>
  <si>
    <t>Trésors sous les mers : L’histoire de Chicago</t>
  </si>
  <si>
    <t>Drain Chicago</t>
  </si>
  <si>
    <t>L’évacuation du lac Michigan révèle au grand jour la mystérieuse histoire de la ville de Chicago. Découvrez le récit d’une catastrophe qui a causé la mort de 300 personnes, la résolution d’une énigmatique tragédie de Noël ainsi qu’un programme de formation de la marine hérité de la Seconde Guerre mondiale. Nous vous dévoilerons également le bijou technologique qui a permis de décongestionner la ville à la croissance la plus rapide sur la planète. Risque et ambition ont forgé l’extraordinaire histoire de Chicago, qui en a parfois payé le prix…</t>
  </si>
  <si>
    <t>29:30:00:00</t>
  </si>
  <si>
    <t>22/11/2020</t>
  </si>
  <si>
    <t>N0024725</t>
  </si>
  <si>
    <t>Le monde selon Kal : A la conquête de l'espace</t>
  </si>
  <si>
    <t>Space Invasion</t>
  </si>
  <si>
    <t xml:space="preserve">Dans ce nouvel épisode, Kal Penn se penche sur la manière dont nous avons colonisé l'espace. Du GPS à la télévision, un nombre important de nos activités quotidiennes est en lien avec ce qui se passe dans l'espace. Embarquez pour le désert de l'Utah et rencontrez des personnes souhaitant coloniser Mars et qui tentent de simuler la vie sur la planète rouge. Partez également à la chasse aux météorites et découvrez comment fabriquer et lancer un satellite maison avec un groupe d'étudiants enthousiastes. </t>
  </si>
  <si>
    <t>N0024671</t>
  </si>
  <si>
    <t>Le monde selon Kal : Le corps humain</t>
  </si>
  <si>
    <t>Body City</t>
  </si>
  <si>
    <t>Le corps humain est extrêmement complexe et il n'est pas évident de savoir ce qui se passe réellement à l'intérieur. Alors comparons-le à quelque chose qui nous est familier et que nous voyons tous les jours : une ville ! Bienvenue à Humanopolis, la ville qui vit à l'intérieur de vous. Dans ce nouvel épisode, Kal Penn dresse une carte fascinante et inattendue du corps humain.  Partez à la découverte d'un laboratoire qui imprime des oreilles, d'un garage de Pittsburg où des " pirates " améliorent leur propre corps ou encore d'une forêt remplie de cadavres qui nous aident à comprendre qui nous sommes, de quoi nous sommes faits et ce que nous devenons. Humanopolis est à l'image de toutes les villes, elles grandissent, évoluent et parfois s'effondrent.</t>
  </si>
  <si>
    <t>P0763505</t>
  </si>
  <si>
    <t>Geek machines : Super-humains</t>
  </si>
  <si>
    <t>Machine Impossible</t>
  </si>
  <si>
    <t>Superhumans</t>
  </si>
  <si>
    <t xml:space="preserve">Dans cet épisode d'Impossibles machines, Max McMurdo, designer et entrepreneur, et Mischa Pollack, ingénieure et star d'Internet, partent en quête de technologies qui permettent de se transformer en surhommes, à la rapidité, à la force et à la beauté incroyables. Ils découvriront une technologie digne d'un film de science-fiction destinée à conférer des pouvoirs de super-héros à ceux qui la portent, des exosquelettes japonais qui permettent de soulever Mischa sans effort, un sac à dos propulsé par un réacteur qui permet de stimuler les soldats sur le champ de bataille. Enfin, une technologie japonaise de projection permet de changer l'apparence des individus...
</t>
  </si>
  <si>
    <t>P0763943</t>
  </si>
  <si>
    <t>Geek machines : Gadgets Mania</t>
  </si>
  <si>
    <t>Get Around Gadgets</t>
  </si>
  <si>
    <t xml:space="preserve">Dans cet épisode, Mischa Pollack, ingénieure et spécialiste en gadgets, et Max McMurdo, recycleur, plongent, planent, pédalent et voguent dans le futur du transport d'individus. Ils parent en quête pour découvrir les gadgets incroyables qui pourront un jour nous transformer en explorateurs des fonds marins, pilotes ou fous de vitesse, et s'essaient à la construction de leur propre machine volante. 
</t>
  </si>
  <si>
    <t>P0763945</t>
  </si>
  <si>
    <t>Geek machines : Faites vos jeux</t>
  </si>
  <si>
    <t>Game On</t>
  </si>
  <si>
    <t xml:space="preserve">Dans cet épisode, Mischa Pollack et Max McMurdo se concentrent sur l'avenir des jeux, s'embarquant pour un tour du monde des technologies destinées à l'amusement, telles que les dernières technologies de réalité augmentée, ou les nouveaux sports high-tech. Ils relèvent également un défi, celui d'imaginer et de construire leur propre jeu et sport inspiré de la technologie : leur interprétation d'un jeu d'arcade classique qui amène la physicalité et l'atmosphère d'un match de football dans le monde virtuel. En feront-ils un hit ou un flop ?
</t>
  </si>
  <si>
    <t>P0848755</t>
  </si>
  <si>
    <t>Titanic : Trésors des profondeurs</t>
  </si>
  <si>
    <t>Save The Titanic: Treasures From The Deep</t>
  </si>
  <si>
    <t>Depuis la découverte par Bob Ballard du Titanic dans les profondeurs de l’Atlantique en 1985, nombreux sont ceux qui se sont bousculés afin de tirer profit des vestiges présents sur le navire. Premier Exhibitions a collecté plus de 5 600 artefacts issus des ruines du Titanic, aujourd’hui soumis à un sort incertain en raison du dépôt de bilan de la société. Avec le soutien de Bob Ballard, de James Cameron et de National Geographic, plusieurs musées britanniques s’associent en vue de lever les 20 millions de dollars qui leur permettront d’acquérir la collection afin d’empêcher son entrée sur le marché libre.</t>
  </si>
  <si>
    <t>P0763512</t>
  </si>
  <si>
    <t>Titanic : la théorie de l'incendie</t>
  </si>
  <si>
    <t>Titanic's Fatal Fire</t>
  </si>
  <si>
    <t>Titanic's Fatal Fire, 1</t>
  </si>
  <si>
    <t xml:space="preserve">Il était le plus grand paquebot jamais construit. Alors qu'il était réputé insubmersible, le naufrage du Titanic lors de son voyage inaugural a causé la mort de 1 500 personnes, choqué le monde entier et initié un débat qui fait encore rage aujourd'hui. Pourquoi, malgré les messages d'alerte signalant des icebergs, le commandant du Titanic l'a-t-il conduit droit sur eux à pleine vitesse sans changer de cap ? Deux heures après la collision, le paquebot flottait toujours avant de couler de manière inexplicable, conduisant ainsi des centaines de passagers vers la mort. Qu'est-ce qui a fait qu'il a sombré si rapidement ? Pour la première fois, Senan Molony, journaliste d'investigation et expert sur le sujet, révèle toute l'histoire. « L'incendie fatal du Titanic » utilise des techniques graphiques de pointe pour donner vie à des photographies du voyage inaugural du Titanic récemment dévoilées. Cette découverte remarquable en soi a révélé un détail intrigant : une marque sur la coque, qui a décidé Senan Molony à se lancer dans une nouvelle enquête pour lever le voile sur le mystère du naufrage. En se basant sur les dernières découvertes scientifiques, des experts contemporains et des déclarations de témoins oculaires, Senan découvre que la marque sombre cachait en réalité un incendie important localisé dans la chaufferie – le vrai responsable de la pire tragédie maritime de l'Histoire. Les propriétaires du Titanic étaient au courant de l'existence de cet incendie avant que le paquebot ne prenne la mer, et l'ont délibérément caché aux passagers. Des analyses scientifiques contemporaines révèlent la manière dont cet incendie a guidé la décision du Capitaine Smith de foncer dans les icebergs à pleine vitesse. Il explique également que cet échec catastrophique a causé la perte de l'insubmersible Titanic, conduisant ainsi 1 500 passagers à une mort certaine. Dans un post-scriptum amer, Senan révèle qu'à la suite du désastre, il est convaincu que le président de White Star, J Bruce Ismay, a tout fait pour dissimuler la vérité. 
</t>
  </si>
  <si>
    <t>P0790469</t>
  </si>
  <si>
    <t>Titanic : 20 ans après avec James Cameron</t>
  </si>
  <si>
    <t>Titanic: 20 Years Later with James Cameron</t>
  </si>
  <si>
    <t>Titanic: 20 Years Later with James Cameron, 1</t>
  </si>
  <si>
    <t>Il y a plus de 20 ans, avec la sortie de Titanic, James Cameron nous promettait de faire revivre l’histoire et de faire toute la lumière sur les âmes disparues en 1912. Le réalisateur et explorateur réunit aujourd’hui des experts autour de cet événement tragique et d’une question : certains éléments seraient-ils passés à la trappe ? Grâce à 33 plongées au cœur de l’épave et à des années d’analyses judiciaires, il part à la découverte des mythes et mystères qui entourent le Titanic, espérant ainsi trouver la réponse aux questions qui le hantent depuis des décennies.</t>
  </si>
  <si>
    <t>P0848704</t>
  </si>
  <si>
    <t>Trésors sous les mers : Le Titanic redévoilé</t>
  </si>
  <si>
    <t>Drain The Titanic Update</t>
  </si>
  <si>
    <t>Drain The Titanic: A Ship Reborn, 1</t>
  </si>
  <si>
    <t>Pendant plus d’un siècle, le RMS Titanic est resté tapi à 4 000 mètres de profondeur, dans l’obscurité de l’océan Atlantique. Grâce à de nouvelles technologies de pointe, des scientifiques ont pu vider l’océan et exhumer le paquebot pour la première fois depuis son funeste voyage inaugural, en 1912. Nous reviendrons sur les éternels mystères qui entourent la catastrophe et révélerons de nouvelles preuves fatidiques susceptibles de réécrire l’histoire du Titanic.</t>
  </si>
  <si>
    <t>P0873084</t>
  </si>
  <si>
    <t>Trésors sous les mers : La guerre froide nucléaire</t>
  </si>
  <si>
    <t>Lost Nukes of The Cold War</t>
  </si>
  <si>
    <t>Durant plus d’un demi-siècle, les États-Unis et l’Union soviétique, les deux plus grandes superpuissances au monde, ont mis toute leur énergie dans la conception d’armes et de machines de guerre apocalyptiques. La guerre froide donne lieu à la première confrontation nucléaire au monde. Menée secrètement dans les profondeurs, elle sera également la plus importante guerre occulte de l’histoire de l’humanité. Grâce à des expéditions audacieuses, des données précises et des informations classifiées, des images de synthèse révolutionnaires nous permettent aujourd’hui d’évacuer les océans et de mettre au jour les secrets insoupçonnés de la guerre froide nucléaire.</t>
  </si>
  <si>
    <t>P0873091</t>
  </si>
  <si>
    <t>Trésors sous les mers : Les secrets de l’Armada espagnole</t>
  </si>
  <si>
    <t>Secrets of The Spanish Armada</t>
  </si>
  <si>
    <t>Suite à la défaite de l’Armada espagnole, l’Espagne échoue à conquérir l’Angleterre. Après avoir vidé l’océan de ses eaux, nous vous révélerons comment les Anglais ont dérobé la technologie navale pour bâtir leur empire.</t>
  </si>
  <si>
    <t>P0949204</t>
  </si>
  <si>
    <t>La route de l'enfer : Norvège - Danger sur les rochers</t>
  </si>
  <si>
    <t>Ice Road Rescue</t>
  </si>
  <si>
    <t>Risk On The Rocks</t>
  </si>
  <si>
    <t>Dans cet épisode, Thord met sa vie en péril en rampant sous un camion de 20 tonnes en déséquilibre coincé sur des rochers.</t>
  </si>
  <si>
    <t>P0949206</t>
  </si>
  <si>
    <t>La route de l'enfer : Norvège - Glissement de terrain</t>
  </si>
  <si>
    <t>Landslide Lottery</t>
  </si>
  <si>
    <t>Suite à l’accident sur une rive escarpée d’un camion de 50 tonnes chargé de goudron, Thord s’empresse d’intervenir avant que le sol ne cède et ne provoque un glissement de terrain.</t>
  </si>
  <si>
    <t>P0867675</t>
  </si>
  <si>
    <t>La route de l'enfer : Norvège - Les chaînes du chaos</t>
  </si>
  <si>
    <t>Chains of Chaos</t>
  </si>
  <si>
    <t>Norway</t>
  </si>
  <si>
    <t>Une catastrophe arrive bien souvent lorsque des routiers étrangers tentent de manœuvrer en hiver sur les routes norvégiennes. Thord va à la rencontre de l’un d’eux. Le conducteur n'a pas réussi à mettre les chaînes à neige correctement et s'est retrouvé coincé dans un virage dangereux.</t>
  </si>
  <si>
    <t>P0867682</t>
  </si>
  <si>
    <t>La route de l'enfer : Norvège - Cargaison toxique</t>
  </si>
  <si>
    <t>Toxic Cargo</t>
  </si>
  <si>
    <t>Les sauveteurs de la route de l’enfer doivent être parés à tous les imprévus. Dans le nord du pays, le jeune dépanneur Ole Henrik est envoyé par son père en mission solitaire. Dans le sud, Thord vient en aide à un charpentier qui rencontre des problèmes avec son fourgon et réalise son manque de préparation.</t>
  </si>
  <si>
    <t>N0014354</t>
  </si>
  <si>
    <t>Titanic : Affaire classée</t>
  </si>
  <si>
    <t>Titanic: Case Closed</t>
  </si>
  <si>
    <t>01:29</t>
  </si>
  <si>
    <t>Cent ans exactement après sa célèbre disparition, l'histoire du Titanic continue de passionner des millions de gens, entraînant de nombreuses théories du complot, histoires fantastiques et débats. Aussi, Tim Maltin est déterminé à nous expliquer pourquoi nous avons tout faux. Dans son récent ouvrage à succès, il met en lumière des preuves oubliées et des détails négligés afin de révéler pourquoi le Titanic a sombré. Ce n'était pas une erreur du commandant ni une faute de fabrication. Il s'agissait simplement d'un effet de lumière, un mirage exceptionnel causé par de complexes conditions climatiques.</t>
  </si>
  <si>
    <t>N0014652</t>
  </si>
  <si>
    <t>James Cameron : La vérité sur le Titanic</t>
  </si>
  <si>
    <t>Titanic: The Final Word of James Cameron</t>
  </si>
  <si>
    <t>Titanic: The Final Word of James Cameron, 1</t>
  </si>
  <si>
    <t>En se servant des nombreux plans qu'il a tourné lors de ses sept expéditions sur le Titanic, le réalisateur James Cameron a reconstitué la véritable histoire du naufrage. En effet, le navire ne s'est pas brisé en deux, comme nous le pensions, mais en quatre, et s'est ensuite dispersé en de nombreux débris dans les fonds marins de l'océan Atlantique.</t>
  </si>
  <si>
    <t>23/11/2020</t>
  </si>
  <si>
    <t>P0848764</t>
  </si>
  <si>
    <t>Science of Stupid : Le meilleur ami de l’homme</t>
  </si>
  <si>
    <t>Science of Stupid Compilations</t>
  </si>
  <si>
    <t>Science of Stupid Barks And Wags</t>
  </si>
  <si>
    <t>Dans cet épisode, nous célèbrerons les prouesses comme les frasques de notre plus fidèle compagnon. Nous ferons appel à des principes scientifiques intangibles afin d’expliquer les raisons de leurs mésaventures. À l’aide d’animations sur mesure et d’extraits au ralenti, ces adorables chiens vous montreront le défi que représente la marche bipède, les travers du camouflage et leur passion pour le jeu de balle.</t>
  </si>
  <si>
    <t>P0848765</t>
  </si>
  <si>
    <t>Science of Stupid : Sports extrêmes</t>
  </si>
  <si>
    <t>Science of Stupid Extreme Sports</t>
  </si>
  <si>
    <t>Dans cet épisode, nous suivons des casse-cou qui repoussent le sport au-delà de ses limites. À travers des animations sur mesure et des extraits au ralenti, Dallas Campbell analyse les mésaventures d’individus téméraires aux connaissances scientifiques limitées. Qu’il s’agisse de saut à l’élastique, de descentes effrénées en patins à glace ou de saut en parachute depuis le sommet d’une montagne, ils n’y vont pas avec le dos de la cuillère !</t>
  </si>
  <si>
    <t>N0013905</t>
  </si>
  <si>
    <t>La minute de vérité : Tornade infernale</t>
  </si>
  <si>
    <t>Seconds from Disaster</t>
  </si>
  <si>
    <t>Tornado Outbreak</t>
  </si>
  <si>
    <t>En 1974, une tempête se scinda en 148 tornades, tuant 315 personnes et détruisant des milliers de maisons. Le professeur Fujita et son équipe étudient cette tempête du siècle.</t>
  </si>
  <si>
    <t>N0016546</t>
  </si>
  <si>
    <t>La minute de vérité : Explosion de l'USS Forrestal</t>
  </si>
  <si>
    <t>Aircraft Carrier Explosion</t>
  </si>
  <si>
    <t>Capable de naviguer pendant 20 ans sans se ravitailler en combustible, tout en portant jusqu'à 90 avions, l'USS Nimitz est le plus grand vaisseau de guerre du monde.</t>
  </si>
  <si>
    <t>N0016171</t>
  </si>
  <si>
    <t>Travaux musclés : Éolienne</t>
  </si>
  <si>
    <t>World's Toughest Fixes</t>
  </si>
  <si>
    <t>Blown Away</t>
  </si>
  <si>
    <t xml:space="preserve">"Travaux Musclés" vous emmène sur un impressionnant chantier, celui d'une éolienne. Cet assemblage gigantesque nécessite d'élever trois énormes pièces, pesant l'équivalent d'un tank Abrams, à près de 67 mètres de haut.  </t>
  </si>
  <si>
    <t>N0015608</t>
  </si>
  <si>
    <t>Le chaînon manquant</t>
  </si>
  <si>
    <t>The Link</t>
  </si>
  <si>
    <t>From Waterwheels To Mega Jets</t>
  </si>
  <si>
    <t>Quelle est le lien entre les moulins à eau et le Boeing 777, l'un des plus grands avions de ligne du monde ? De la création des premières usines en Europe médiévale, en passant par la construction des premières cathédrales gothiques, l'invention des horloges, et  l'industrialisation de la ville de Detroit, découvrez comment l'homme a trouvé le moyen de construire ce géant de l'aéronautique.</t>
  </si>
  <si>
    <t>P0893995</t>
  </si>
  <si>
    <t>Ultimate Supercar : Ferrari Portofino</t>
  </si>
  <si>
    <t>Ultimate Supercar</t>
  </si>
  <si>
    <t>Ferrari Portofino</t>
  </si>
  <si>
    <t>Le modèle le plus populaire et le plus vendu de tous les temps de Ferrari doit désormais être remplacé. La marque signe son retour avec un nouveau modèle baptisé Portofino, un véhicule de grand tourisme inédit avec moteur avant conçu pour supplanter une icône.</t>
  </si>
  <si>
    <t>N0020421</t>
  </si>
  <si>
    <t>Cash Cars : Taxi s'il vous plait !</t>
  </si>
  <si>
    <t>Strippers: Cars For Cash</t>
  </si>
  <si>
    <t>Take Me Home</t>
  </si>
  <si>
    <t>Deux équipes s'affrontent pour savoir qui gagnera le plus d'argent en achetant, en retapant et en revendant des pièces issues de carcasses de voitures. Le défi de cette semaine amène les équipes à choisir des véhicules dont la fonction a été le transport en commun. Ben et Frankie optent pour l'emblématique taxi londonien. Tandis que George et Sheldon voient grand avec une limousine Lincoln.</t>
  </si>
  <si>
    <t>N0028105</t>
  </si>
  <si>
    <t>Alaska : Seuls au monde - Homme vs. Nature</t>
  </si>
  <si>
    <t>Lawless Island</t>
  </si>
  <si>
    <t>Tree vs. Truck</t>
  </si>
  <si>
    <t>00:42</t>
  </si>
  <si>
    <t xml:space="preserve">Le printemps est arrivé, ce qui signifie qu’il y a beaucoup à faire, malgré les bourrasques de pluie, de grêle et de neige. Hans et Timbi Porter s’affairent à construire une serre pour faire pousser des légumes et des herbes fraîches à l’année, mais ils devront la fabriquer avec des matériaux qu’ils peuvent trouver sur l’île. Sam Carlson fouille les décombres calcinés de l’ancien entrepôt de Jack pour construire un réchaud léger utile pour la chasse. Pendant ce temps, Mary Miller doit se rendre en ville malgré la tempête, afin d’acquérir les provisions nécessaires à la saison de chasse. Curly Leach apprend à Amanda Makar à abattre des arbres et à amasser le bois de chauffage indispensable à la survie.  </t>
  </si>
  <si>
    <t>N0028106</t>
  </si>
  <si>
    <t>Alaska : Seuls au monde - Système D</t>
  </si>
  <si>
    <t>Broken Lines</t>
  </si>
  <si>
    <t xml:space="preserve">Timothy Leech et Amanda Makar partent chasser le flétan avec un équipement qu’ils ont emprunté. Gary Muehlberger décide de tester son courage (et son âge) et de retourner sur d’anciens terrains de chasse pour voir s’il est toujours capable de capturer une chouette rayée. Inventeur et bricoleur invétéré, Sam Carlson tente de fabriquer une turbine à vent verticale à partir de matériaux usagés et de récupérer du métal d’un ancien chantier naval. Hans Porter part tester les niveaux de pH de la réserve d’eau de la ville, pour finalement découvrir qu’un arbre mort menace l’aqueduc de la communauté. </t>
  </si>
  <si>
    <t>N0028107</t>
  </si>
  <si>
    <t>Alaska : Seuls au monde - Risques et dangers</t>
  </si>
  <si>
    <t>The Devil’s Club</t>
  </si>
  <si>
    <t xml:space="preserve">Le printemps progresse et les résidents de l'île sont confrontés à de nouvelles tâches et à de nouveaux défis. Fatigué et lassé de manger toujours le même plat, Gary décide de s’aventurer dehors et de s’essayer à quelque chose qu’il n’a pas fait depuis longtemps, et encore moins seul : la pêche à la crevette. Pendant ce temps, Timbi part en quête d’une plante médicinale, le bois piquant, afin de soulager les douleurs de Hans, au risque de croiser des ours noirs affamés suite à la période d’hibernation… De l’autre côté de l’île, Curly décide de réparer son quai avec du bois, mais doit traîner un arbre le long d’une colline. Il met en péril sa sécurité et celle de son voisin James en utilisant un très vieux palan. Enfin, Sam entreprend une chasse à l’ours pendant deux jours, et a une révélation lorsqu’il trouve plus que ce qu’il n’espérait… </t>
  </si>
  <si>
    <t>N0028108</t>
  </si>
  <si>
    <t>Alaska : Seuls au monde - Gare aux prédateurs</t>
  </si>
  <si>
    <t>Predator Prevention</t>
  </si>
  <si>
    <t>Le printemps est arrivé et les habitants de l'île terminent toutes les corvées et les constructions nécessaires à leur quotidien. Hans et Timbi réalisent leur rêve d’acquérir une ferme et de construire une grande cabane destinée à abriter des canards. Toute la communauté se réunit pour ériger des murs de près de 5 mètres de haut, qui assureront la protection des animaux. Pendant ce temps, Sam fabrique des agrafes avant de rejoindre sa barque longue et étroite, pour récolter du bois de chauffage sur les plages qui entourent l'île. Mais même avec la meilleure volonté du monde, une personne expérimentée peut se tromper sur la qualité du bois. De l’autre côté de l’île, Mary atteint un lac isolé dans le but de pêcher des truites d’eau douce, mais une bourrasque compromet son plan. Enfin, en utilisant du bois blanchi d’arbres de la communauté, Curly tente de construire un plateau pour son vieux camion, qui permettra à toute la communauté de transporter du bois de chauffage plus facilement pour le prochain hiver, qui s’annonce long et glacial.</t>
  </si>
  <si>
    <t>N0028135</t>
  </si>
  <si>
    <t>Alaska : Seuls au monde - La chasse est ouverte</t>
  </si>
  <si>
    <t>Looking for Blood</t>
  </si>
  <si>
    <t xml:space="preserve">Gary Muehlberger va chercher des provisions à Wrangell, Alaska, et est chargé par Hans et Timbi Porter de ramener un chargement très précieux de canards, sur lequel compte toute la communauté. Pendant que Gary est à Wrangell, Hans et Timbi demandent à leurs voisines Mary Miller et Amanda Makar de les aider à finir de construire la grange aux canards avant le retour de Gary. Timothy « Curly » Leech a besoin de viande pour la saison d’été et entreprend une chasse à l’ours en solo. Pendant ce temps, Sam Carlson et son ami Stuart Andrews essaient de résoudre le mystère de la pénurie d’eau dont souffre la ville. </t>
  </si>
  <si>
    <t>P0930552</t>
  </si>
  <si>
    <t>Pêche à haut risque : Flots déchaînés</t>
  </si>
  <si>
    <t>Wicked Tuna</t>
  </si>
  <si>
    <t>Angry Waters</t>
  </si>
  <si>
    <t>Alors qu’un seul thon rouge suffit pour faire basculer la compétition, les pêcheurs n’ont d’autre choix que de braver les flots jour après jour, sans quoi ils se laisseraient distancer. Lorsqu’une tempête éclate et que les eaux se déchaînent, nos capitaines doivent évaluer les risques et les bénéfices de s’aventurer en mer. Tous veulent prouver ce dont ils sont capables et s’emparer du précieux or bleu.</t>
  </si>
  <si>
    <t>P0932303</t>
  </si>
  <si>
    <t>Pêche à haut risque : La mafia des ananas</t>
  </si>
  <si>
    <t>Pineapple Mafia</t>
  </si>
  <si>
    <t>Tandis que la bataille pour le thon rouge fait rage, les capitaines comptent sur leurs grigris pour leur rapporter de belles prises. Tyler McLaughlin, le commandant du Pinwheel, distribue des ananas porte-bonheur à l’ensemble de la flotte de Gloucester afin de leur porter chance et de devancer les autres bateaux. Mais les nouveaux venus n’ont pas dit leur dernier mot et ont leurs propres méthodes pour apaiser les dieux du thon. Une folle course à la superstition est alors lancée, chaque équipage espérant que la chance soit de son côté.</t>
  </si>
  <si>
    <t>P0930284</t>
  </si>
  <si>
    <t>Ultimate airport : USA - Drogues, armes et billets</t>
  </si>
  <si>
    <t>Drugs, Guns And Money</t>
  </si>
  <si>
    <t>À l’aéroport John F. Kennedy de New York, les agents des douanes interpellent un passager en provenance de Trinidad et en possession de conserves de fruits tropicaux, qui se révèlent contenir de la poudre blanche. Au service postal de Miami, les policiers découvrent des fioles qui renferment un étrange liquide, soupçonné d’être du GBL, l’une des dangereuses « drogues du violeur ». Des enquêteurs du département de la Sécurité intérieure organisent une livraison piégée dans l’espoir d’arrêter un trafiquant. À Los Angeles, des douaniers interrogent des passagères, victimes présumées de trafic sexuel et de mariages frauduleux.</t>
  </si>
  <si>
    <t>P0949210</t>
  </si>
  <si>
    <t>La route de l'enfer : Norvège - Bataille de glace</t>
  </si>
  <si>
    <t>Black Ice Battle</t>
  </si>
  <si>
    <t>Dans cet épisode, Thord prête assistance à un camion bloqué qui barre un axe majeur. Alors que son conducteur refuse de payer le dépannage, il menace de l’assigner à résidence.</t>
  </si>
  <si>
    <t>P0949213</t>
  </si>
  <si>
    <t>La route de l'enfer : Norvège - Embouteillages périlleux</t>
  </si>
  <si>
    <t>Gridlock Hazard</t>
  </si>
  <si>
    <t>Dans cet épisode, Thord se démène pour dépanner un camion qui bloque un col de montagne, face à des conducteurs impatients prêts à mettre sa vie en péril.</t>
  </si>
  <si>
    <t>P0867677</t>
  </si>
  <si>
    <t>La route de l'enfer : Norvège - Poisson à foison</t>
  </si>
  <si>
    <t>Fish Frenzy</t>
  </si>
  <si>
    <t>Alors que le poisson constitue l’un des principaux produits d’exportation de la Norvège, le fret représente une source de revenus considérable pour les dépanneurs de la route de l’enfer. Dans cet épisode, Thord appelle son vieil ami Bjoern à l’aide. Ils partent à la rescousse d’une remorque de poissons. Dans le nord, Jo Rodger et son fils doivent déployer l’artillerie lourde pour débloquer une remorque de 40 tonnes ayant chaviré.</t>
  </si>
  <si>
    <t>P0867679</t>
  </si>
  <si>
    <t>La route de l'enfer : Norvège - Dans les bois</t>
  </si>
  <si>
    <t>In The Woods</t>
  </si>
  <si>
    <t>Dans cet épisode, Thord porte secours à son ancien moniteur d’auto-école et Jo Rodger part dépanner un camion coincé au fin fond des bois.</t>
  </si>
  <si>
    <t>24/11/2020</t>
  </si>
  <si>
    <t>P0848766</t>
  </si>
  <si>
    <t>Science of Stupid : Nos amis les chats</t>
  </si>
  <si>
    <t>Science of Stupid Paws And Hoofs</t>
  </si>
  <si>
    <t>Cet épisode est consacré aux chats ainsi qu’à nos amis à quatre pattes qui, bien que dépourvus de pouce opposable, se débrouillent plutôt bien face aux êtres humains. À travers des animations sur mesure et des extraits au ralenti, Dallas Campbell verra s’affronter deux équipes : qui, des animaux ou des humains, excelle à l’escalade ou à la sieste ? Pourquoi prenons-nous tous autant de plaisir à jouer ?</t>
  </si>
  <si>
    <t>P0848767</t>
  </si>
  <si>
    <t>Science of Stupid : Au sport</t>
  </si>
  <si>
    <t>Science of Stupid Sports</t>
  </si>
  <si>
    <t>La soif d’excellence de l’être humain est à l’origine des légendes du sport. À travers des vidéos hilarantes, nous vous montrons qu’à chaque héros correspondent des milliers d’autres qui échouent. Que ce soit au basket, au volley ou même en luge de rue, Dallas Campbell fait appel à la science afin de distinguer un champion d’un perdant. À l’aide d’animations sur mesure et d’extraits au ralenti, découvrez les explications scientifiques à l’œuvre derrière ces mésaventures.</t>
  </si>
  <si>
    <t>N0017869</t>
  </si>
  <si>
    <t>La minute de vérité : Éruption à Montserrat</t>
  </si>
  <si>
    <t>Eruption On Montserrat</t>
  </si>
  <si>
    <t>00:47</t>
  </si>
  <si>
    <t>Avec ces belles plages de sable fin, Montserrat est un paradis dans les Caraïbes. Mais cette île de rêve abrite une menace mortelle : le volcan de la Soufrière.</t>
  </si>
  <si>
    <t>N0016340</t>
  </si>
  <si>
    <t>La minute de vérité : Effondrement à Séoul</t>
  </si>
  <si>
    <t>Superstore Collapse</t>
  </si>
  <si>
    <t>N0016114</t>
  </si>
  <si>
    <t>Travaux musclés : Gouvernail géant</t>
  </si>
  <si>
    <t>50 Ton Rudder</t>
  </si>
  <si>
    <t>"Travaux musclés" vous emmène, avec Sean Riley - passionné d'ingénierie et accro à l'adrénaline - au coeur de réparations incroyables. Qu'il se retrouve suspendu par des cordes à des dizaines de mètres du sol ou qu'il plonge à proximité des hélices d'un navire, les prouesses de Sean vous feront découvrir la face cachée des constructions de grande envergure.</t>
  </si>
  <si>
    <t>N0016803</t>
  </si>
  <si>
    <t>From Ploughs To Super Cars</t>
  </si>
  <si>
    <t xml:space="preserve">Quel est le lien entre les charrues et les voitures de sport?  Des premières charrues apparues au moyen-âge, a l'apparition des premières maladies à Prague, à la perfection des moulins à vent, a l'invention des premiers ordinateurs, découvrez comment l'homme est venu à créer les voitures de course les plus rapides qui existent au monde. </t>
  </si>
  <si>
    <t>P0893996</t>
  </si>
  <si>
    <t>Ultimate Supercar : Bentley Continental GT</t>
  </si>
  <si>
    <t>Bentley Continental Gt</t>
  </si>
  <si>
    <t>Véritable chouchou des rappeurs, des athlètes vedettes, des millionnaires comme des milliardaires, la Bentley Continental GT est la voiture de grand tourisme haut de gamme qui a rencontré le plus grand succès ces 15 dernières années. Afin de s’assurer que son bolide phare reste dans la course, Bentley présente désormais son nouveau modèle de troisième génération.</t>
  </si>
  <si>
    <t>N0020422</t>
  </si>
  <si>
    <t>Cash Cars : Porsche et Maserati</t>
  </si>
  <si>
    <t>Super Car Scrappers</t>
  </si>
  <si>
    <t>Cette semaine, l'argent n'est pas un problème pour nos 2 équipes. Elles se voient attribuer l'équivalent de 12,000 euros pour acheter une voiture plus chère que tous les challenges qu'ils ont eu à relever jusqu'à maintenant. Les garçons n'hésitent pas à se faire plaisir : Ben et Frankie choisissent une Porsche 911, George et Sheldon, une Maserati 3200 G. Mais ces gros investissements leurs permettront-ils de dégager de réels bénéfices à la revente des pièces ?</t>
  </si>
  <si>
    <t>N0024209</t>
  </si>
  <si>
    <t>Black Market : Une économie en toc</t>
  </si>
  <si>
    <t>Underworld Inc</t>
  </si>
  <si>
    <t>Knock-Offs</t>
  </si>
  <si>
    <t xml:space="preserve">Absolument tout peut être imité : les montres, les livres de poche, les gadgets électroniques, les smartphones. La qualité de ces imitations est d'ailleurs parfois bluffante. Chaque année, le commerce de contrefaçons génère environ 500 milliards de dollars. Du côté des fabricants, la Chine occupe les premières places. Côté consommateurs, le marché américain est l'un des plus importants. Mais si les produits sont faux, les risques sont réels avec notamment des produits de mauvaise qualité parfois dangereux. La pression grandissante des policiers pousse les faussaires à s'adapter sans cesse. Suivez les officiers du Bureau américain des douanes et de la protection des frontières dans ce jeu du chat et de la souris. </t>
  </si>
  <si>
    <t>N0025453</t>
  </si>
  <si>
    <t>Black Market : Alcool de contrebande</t>
  </si>
  <si>
    <t>Moonshine Mayhem</t>
  </si>
  <si>
    <t>Des montagnes des Appalaches aux ruelles de New York, découvrez l'univers de la distillation et de la vente d'alcool de contrebande. Partout dans le sud, une nouvelle génération du Moonshiners fabrique un alcool de grande qualité en petite quantité. Leurs produits sont exportés vers le nord et l'est à destination d'un public urbain qui a soif d'alcool authentique et illégal. Dans le Mississippi, les agents du Contrôle des Boissons Alcoolisées traquent les Moonshiners qui produisent un alcool bon marché dans des conditions sanitaires déplorables. Pendant ce temps, les vendeurs de rue illégaux de New York se remplissent les poches grâce à la folie du Nutcracker, la boisson du moment.</t>
  </si>
  <si>
    <t>N0025454</t>
  </si>
  <si>
    <t>Black Market : Car jackers</t>
  </si>
  <si>
    <t>Car Jackers</t>
  </si>
  <si>
    <t xml:space="preserve">La sécurité toujours plus importante dans les voitures force les criminels à être chaque fois plus ingénieux. Les gangs travaillent ensemble pour voler des voitures car cette activité pourrait s'avérer plus lucrative que la vente de drogue. À Santa Maria, Californie, trois voitures sont volées chaque jour et la police a décidé de changer de tactique et de cibler les voleurs au lieu de rechercher les véhicules. Pendant ce temps, les criminels se dépêchent de faire sortir les voitures de l'État pour les envoyer à l'étranger grâce à des transporteurs corrompus. Dans l'Ouest de l'Afrique, une nouvelle classe criminelle est apparue, prête à payer cher pour des voitures haut de gamme volées aux États-Unis. </t>
  </si>
  <si>
    <t>N0025455</t>
  </si>
  <si>
    <t>Black Market : Le trafic d'organes</t>
  </si>
  <si>
    <t>The Organ Trade</t>
  </si>
  <si>
    <t>Le marché noir des organes est florissant, la chaîne d'approvisionnement légale ne pouvant pas répondre à la demande. Une nouvelle population de courtiers mercenaires, d'intermédiaires et de médecins corrompus est apparue, prête à exploiter les donneurs vulnérables et les receveurs désespérés pour gagner de l'argent.</t>
  </si>
  <si>
    <t>N0025456</t>
  </si>
  <si>
    <t>Black Market : Le blanchiment d'argent</t>
  </si>
  <si>
    <t>The Money Laundry</t>
  </si>
  <si>
    <t>Suivez le parcours de l'argent sale de la drogue depuis les Etats-Unis jusqu'au Mexique où des milliards de dollars sont blanchis. Les autorités américaines sont en train de refermer le filet sur la trésorerie du cartel. Si les barons de la drogue veulent pouvoir blanchir leur argent pour le réintroduire dans le système bancaire, ils vont devoir le faire venir au Mexique. Pour enrailler la vague, les policiers ciblent les planques et les voitures soupçonnées de faire passer des millions. Au sud de la frontière, les blanchisseurs utilisent les changeurs d'argent transformer les profits de la drogue en pesos, réinvestis dans des sociétés écrans et de faux projets de construction. Si les autorités locales viennent mettre le nez dans ces affaires, elles seront averties " façon cartel.</t>
  </si>
  <si>
    <t>P0945837</t>
  </si>
  <si>
    <t>Pêche à haut risque : Moment décisif</t>
  </si>
  <si>
    <t>Crunch Time</t>
  </si>
  <si>
    <t>À l’heure où les bateaux de la flotte s’empressent de capturer les plus belles prises avant que les quotas de pêche ne soient atteints, chaque seconde est comptée. Les nouveaux venus œuvrent sans relâche pour prendre la tête de la compétition et détrôner ainsi le Hot Tuna. Bien décidé à défendre son titre, le FV-Tuna.Com met de nouveau la pression au Fat Tuna. Alors que la saison touche à sa fin, le Pinwheel peine à rattraper le Kraken, son grand rival.</t>
  </si>
  <si>
    <t>P0945838</t>
  </si>
  <si>
    <t>Pêche à haut risque : Prêts pour la bagarre</t>
  </si>
  <si>
    <t>Brawlin For Bluefin</t>
  </si>
  <si>
    <t>Face à la baisse des quotas de thons rouges de l’Atlantique, la saison de pêche arrive à son terme. Les nouveaux compétiteurs – le Fat Tuna, le Wasabi et le Kraken – ont une longueur d’avance sur leurs rivaux respectifs – le FV-Tuna.Com, le Hot Tuna et le Pinwheel. Les capitaines de la flotte de Gloucester sont alors contraints de mettre les bouchées doubles, au risque que l’un d’entre eux atteigne son point de rupture.</t>
  </si>
  <si>
    <t>P0930547</t>
  </si>
  <si>
    <t>Ultimate airport : USA - Cocaïne en saucisse</t>
  </si>
  <si>
    <t>Cocaine Sausages</t>
  </si>
  <si>
    <t>À l’aéroport de Los Angeles, l’histoire d’un passager suspect en provenance du Nigeria ne tient pas la route. À Miami, les spécialistes agricoles mettent en œuvre un large dispositif et inspectent toutes les marchandises, de la viande crue aux trophées de chasse. Ils finissent par découvrir une énorme cargaison de mystérieuse poudre verte. À l’aéroport John F. Kennedy de New York, les enquêteurs de la Sécurité intérieure sont débordés, entre une remise piégée de MDMA et plusieurs livreurs d’alimentation soupçonnés de ne pas importer uniquement de la nourriture.</t>
  </si>
  <si>
    <t>P0926819</t>
  </si>
  <si>
    <t>Ultimate airport : USA - La drogue des fêtards</t>
  </si>
  <si>
    <t>Club Drugs And Party People</t>
  </si>
  <si>
    <t>À Miami, les douaniers mettent la main sur un colis d’ecstasy au milieu du courrier. Les enquêteurs organisent une livraison piégée qui débouche sur une mise sous surveillance, puis une arrestation. À l’aéroport de Los Angeles, les agents suivent à la trace les voyageurs venus pour un festival de musique célèbre pour sa consommation de drogue. À l’aéroport John F. Kennedy de New York, un passager suspecté d’être en contact avec des trafiquants de drogue est recherché. Face aux incohérences de son récit, les policiers décident de le soumettre aux rayons X, seule solution pour découvrir la vérité.</t>
  </si>
  <si>
    <t>P0949028</t>
  </si>
  <si>
    <t>Drugs And Divorce</t>
  </si>
  <si>
    <t>À l’aéroport international Jorge Chavez de Lima, au Pérou, les agents de sécurité travaillent d’arrache-pied pour tenter d’empêcher la sortie de substances illicites du pays. Niant voyager ensemble, un couple divorcé transporte des valises identiques remplies de poudre blanche. Malgré un test à la cocaïne revenu négatif, des policiers décident de creuser davantage la piste d’un sac qui présente des traces douteuses. Alors qu’un suspect dissimule de la cocaïne dans les poignées de son bagage cabine, un homme est retrouvé avec 35 capsules de la même substance dans l’estomac.</t>
  </si>
  <si>
    <t>P0949085</t>
  </si>
  <si>
    <t>Ultimate Airport Pérou et Brésil : Valise en surpoids</t>
  </si>
  <si>
    <t>Suitcase Saturation</t>
  </si>
  <si>
    <t>À l’aéroport international Jorge Chavez de Lima, au Pérou, la police fait face à un défi de taille : endiguer le trafic de drogue. Des agents arrêtent un homme en possession d’emballages alimentaires remplis de cocaïne, suspecté de cacher d’autres substances. Une vieille dame dissimulant des stupéfiants dans son sac est interpellée. Après la découverte de drogues dans sa valise, une mère de famille déclare être également forcée de se prostituer. Enfin, un individu assure que les cachets scotchés sur son corps sont destinés à sa consommation personnelle.</t>
  </si>
  <si>
    <t>P0873042</t>
  </si>
  <si>
    <t>Ultimate Airport Brésil : Grosse cargaison</t>
  </si>
  <si>
    <t>Cocaine Drama</t>
  </si>
  <si>
    <t>À l’aéroport international de Sao Paulo, les agents de la police fédérale luttent 24h/24 et 7j/7 contre les activités illicites. Leur principal défi : le trafic de cocaïne. Des policiers interpellent deux trafiquants en possession de briques de cocaïne qui portent la même marque suspecte. L’une de ces cargaisons est l’une des plus importantes saisies au cours des dernières années. En parallèle, des demandeurs d’asile terrorisés refusent de coopérer et sèment le chaos, et des valises contenant des centaines d’articles contrefaits sont interceptées.</t>
  </si>
  <si>
    <t>P0873041</t>
  </si>
  <si>
    <t>Ultimate Airport Brésil : Des mules inventives</t>
  </si>
  <si>
    <t>Cocaine Combos</t>
  </si>
  <si>
    <t>À l’aéroport international de Sao Paulo, les agents de la police fédérale luttent 24h/24 et 7j/7 contre les activités illicites. Leur principal défi : le trafic de cocaïne. Des policiers arrêtent deux passeurs de drogue à bord d’un vol pour l’Éthiopie ; l’un dissimule de la cocaïne dans des bouteilles de shampoing, l’autre dans des pots de colorant pour tissus. Les services de renseignements signalent un homme en partance pour Hong Kong qui transporte des capsules scotchées à son corps. Deux sacs à dos contenant de la cocaïne sont découverts dans la valise d’une femme.</t>
  </si>
  <si>
    <t>25/11/2020</t>
  </si>
  <si>
    <t>P0848768</t>
  </si>
  <si>
    <t>Science of Stupid : La neige</t>
  </si>
  <si>
    <t>Science of Stupid Winter Wonderland</t>
  </si>
  <si>
    <t>Emmitouflez-vous ! Nous partons vers les contrées glacées de la science, là où des individus téméraires ont fait fi des principes fondamentaux de la physique pour se retrouver pris au piège par une avalanche de douleur et d’ennuis. À travers des animations sur mesure et des extraits au ralenti, Dallas Campbell nous montre les impairs à ne pas commettre au volant d’une motoneige, au hockey sur glace ou sur de fines plaques de glace.</t>
  </si>
  <si>
    <t>P0848769</t>
  </si>
  <si>
    <t>Science of Stupid : L’inventivité humaine</t>
  </si>
  <si>
    <t>Science of Stupid Inventions</t>
  </si>
  <si>
    <t>L’ingéniosité de l’être humain nous a valu de nombreux progrès, à l’image des merveilleuses inventions que sont la tondeuse à gazon ou les rampes d’accès. Mais il arrive qu’au lieu de nous simplifier la vie, nous compliquions les choses. À travers des animations sur mesure et des extraits au ralenti, Dallas Campbell nous montre les erreurs à ne pas commettre lorsque nous passons sous un pont, déchargeons un camion ou faisons du flyboard.</t>
  </si>
  <si>
    <t>N0016498</t>
  </si>
  <si>
    <t>La minute de vérité : Explosion au Texas</t>
  </si>
  <si>
    <t>Texas Oil Explosion</t>
  </si>
  <si>
    <t>Texas City abrite une des plus grandes raffineries des Etats-Unis. Le 23 mars 2005, elle devint le théâtre du plus grand accident chimique de ces 15 dernières années.</t>
  </si>
  <si>
    <t>N0016508</t>
  </si>
  <si>
    <t>La minute de vérité : Le tsunami de 2004</t>
  </si>
  <si>
    <t>Asian Tsunami</t>
  </si>
  <si>
    <t>Le tsunami du 26 décembre 2004 est la plus grande catastrophe naturelle de l'ère moderne. Plus de 200.000 personnes périrent. Comment est-il survenu, et comment en éviter d'autres ?</t>
  </si>
  <si>
    <t>N0016216</t>
  </si>
  <si>
    <t>Travaux musclés : Energie solaire</t>
  </si>
  <si>
    <t>Solar Tower</t>
  </si>
  <si>
    <t>Sean Riley vous fait découvrir l'exploitation de l'énergie solaire en intégrant l'équipe chargée d'installer deux chaudières au sommet de deux tours surplombant un champ de miroirs.</t>
  </si>
  <si>
    <t>N0016945</t>
  </si>
  <si>
    <t>From Aqueducts To Oilrigs</t>
  </si>
  <si>
    <t xml:space="preserve">La technologie est partout. Des ordinateurs aux appareils photo, des téléphones portables aux GPS, notre dépendance à la technologie n’a jamais été aussi forte. Mais d’où viennent ces inventions ? Le chaînon manquant vous dévoile la genèse des innovations technologiques les plus importantes. Vous découvrirez comment les satellites, les boussoles, le microscope ou encore le réfrigérateur sont nés d’inventions antérieures. </t>
  </si>
  <si>
    <t>P0893997</t>
  </si>
  <si>
    <t>Lamborghini Aventador Svj</t>
  </si>
  <si>
    <t>La Lamborghini Aventador SVJ est la plus bruyante, la plus tape-à-l’œil et la plus audacieuse des supercars haut de gamme et très probablement le dernier véhicule italien à moteur V12 à aspiration naturelle jamais conçu et produit par la marque automobile au taureau de Sant’Agata Bolognese.</t>
  </si>
  <si>
    <t>N0020333</t>
  </si>
  <si>
    <t>Cash Cars : Made in France</t>
  </si>
  <si>
    <t>The French Connection</t>
  </si>
  <si>
    <t>Les équipes se rendent en France dans le but d'acheter et désosser des voitures conçues et construites en France. Ben et Frankie se rendent dans le Nord de la France pour voir une Citroën DS rouillée. George et Sheldon restent un peu plus près de chez eux pour travailler sur une emblématique descendante de la Citroën 2CV, la Citroën Dyane.</t>
  </si>
  <si>
    <t>P0948752</t>
  </si>
  <si>
    <t>Alerte ouragans : La terreur du typhon Hagibis</t>
  </si>
  <si>
    <t>A Gathering Storm</t>
  </si>
  <si>
    <t>Super Typhoon Terror</t>
  </si>
  <si>
    <t>Dans le Pacifique, un violent typhon ravage la mer de Béring, la zone de pêche la plus meurtrière au monde. Alors qu’il se dirige vers le Japon, le typhon Hagibis redouble d’intensité à une vitesse spectaculaire. Pendant que le pays se prépare à son impact dévastateur, les marins sont sur le qui-vive dans les eaux périlleuses du Pacifique Nord. Des images prises à bord de bateaux de marchandises, de pêche et de navires militaires retracent leur bataille contre la monstrueuse tempête.</t>
  </si>
  <si>
    <t>P0949160</t>
  </si>
  <si>
    <t>Alerte ouragans : Le tueur des eaux froides</t>
  </si>
  <si>
    <t>Cold Ocean Killer</t>
  </si>
  <si>
    <t>À bord des navires du nord-est des États-Unis, National Geographic lève les voiles pour une saison de pêche meurtrière dans l’Atlantique. Bravant les flots tempétueux et les vents du nord-est, la flotte de pêche au homard et à la coquille Saint-Jacques manque d’être engloutie par des vagues gigantesques. Si certains récoltent les fruits de leurs prises de risques, d’autres bateaux ne rentreront pas à bon port.</t>
  </si>
  <si>
    <t>P0949162</t>
  </si>
  <si>
    <t>Alerte ouragans : L’allée des typhons</t>
  </si>
  <si>
    <t>Typhoon Alley</t>
  </si>
  <si>
    <t>En plein cœur de « l’allée des typhons », l’île américaine de Guam voit naître les tempêtes les plus violentes du Pacifique. Tandis que le typhon Kammuri se développe à toute vitesse et menace dangereusement la base navale américaine et le port de marchandises de l’île, Guam se retrouve à nouveau en première ligne. En l’espace de quelques jours, le cyclone tropical gagne en puissance et frappe les Philippines, devenant ainsi le typhon le plus destructeur de l’année.</t>
  </si>
  <si>
    <t>P0949176</t>
  </si>
  <si>
    <t>Paradise : L’enfer des flammes</t>
  </si>
  <si>
    <t>Rebuilding Paradise</t>
  </si>
  <si>
    <t>Rebuilding Paradise, 1</t>
  </si>
  <si>
    <t>01:50</t>
  </si>
  <si>
    <t>Le matin du 8 novembre 2018, une tempête de feu dévastatrice s’abat sur la charmante ville de Paradise, en Californie. Avant d’être finalement maîtrisées, les flammes provoqueront la mort de 85 personnes, le déplacement d’environ 50 000 résidents et la destruction de 95 % des édifices locaux. Cet incendie est à la fois le plus meurtrier des États-Unis en un siècle et le plus ravageur de toute l’histoire de la Californie. Réalisé par Ron Howard et produit par Brian Grazer, tous deux récompensés aux Oscars, Paradise : L’enfer des flammes célèbre la résilience face à la tragédie à travers l’union d’une communauté dévastée qui tente de renaître de ses cendres et de réinventer l’avenir.</t>
  </si>
  <si>
    <t>P0945839</t>
  </si>
  <si>
    <t>Pêche à haut risque : Le dernier poisson</t>
  </si>
  <si>
    <t>All Out of Tomorrows</t>
  </si>
  <si>
    <t>Alors qu’il ne reste plus que 48 heures pour arrondir la fin du mois, le Kraken mène la danse. La pression est à son comble pour les équipages de Gloucester qui doivent défendre leurs zones de pêche. Cinq fois vainqueur, le FV-Tuna.Com brigue une énième victoire, mais un nouveau champion menace d’émerger à mesure que la compétition se resserre entre anciens et nouveaux venus. Un seul poisson suffira à faire toute la différence.</t>
  </si>
  <si>
    <t>P0930544</t>
  </si>
  <si>
    <t>Pêche à haut risque : La menace rôde</t>
  </si>
  <si>
    <t>The Enemy Among Us</t>
  </si>
  <si>
    <t>Au lancement de cette nouvelle saison, les meilleurs pêcheurs de Gloucester se voient bousculés par l’arrivée de nouveaux concurrents de haut niveau. Le capitaine du Fat Tuna Bob Cook et son équipage se jurent de détrôner le champion en titre, Dave Carraro du FV-Tuna.Com. Alors que Tyler du Pinwheel affronte Sam Law, le capitaine du Kraken qui est bien décidé à régler ses comptes, le Hot Tuna se retrouve sous le feu des commandants du Wasabi, Zack Plante et Charlie Boivin. L’irruption de nouveaux compétiteurs met la flotte de Gloucester à rude épreuve et une bataille acharnée se prépare dans l’océan Atlantique.</t>
  </si>
  <si>
    <t>P0930545</t>
  </si>
  <si>
    <t>Ultimate airport : USA -Trafiquant infiltré</t>
  </si>
  <si>
    <t>Inside Job</t>
  </si>
  <si>
    <t>À l’aéroport John F. Kennedy de New York, les agents de la Sécurité intérieure enquêtent sur un bagagiste douteux. Ils mettent alors au jour un réseau criminel international prenant appui sur des employés de compagnies aériennes pour faire entrer de la cocaïne sur le sol américain. De nouvelles informations permettent des arrestations et des saisies dans tout le pays, dont un démantèlement devant un terminal de l’aéroport new-yorkais. À Miami, les douaniers suspectent une passagère de dissimuler de la cocaïne dans ses chaussures. De leur côté, les policiers de Los Angeles sévissent contre le trafic de contrefaçon et confisquent des articles frauduleux d’une valeur estimée à 500 000 dollars.</t>
  </si>
  <si>
    <t>P0828306</t>
  </si>
  <si>
    <t>Air Crash : Chute libre</t>
  </si>
  <si>
    <t>Free Fall</t>
  </si>
  <si>
    <t xml:space="preserve">Alors qu’il relie Singapour à Perth, le vol 72 de Qantas Airways chute tout à coup au-dessus de l’océan Indien. La violence de l’accélération propulse les passagers hors de leurs sièges. Une série d’avertissements de vitesse excessive et de décrochage envahit l’écran d’affichage du poste de pilotage… Aucun doute, quelque chose cloche. Pilote de chasse expérimenté, le commandant de bord réussit à faire atterrir l’avion sans encombres. Il revient désormais aux enquêteurs australiens de faire la lumière sur ces mystérieux dysfonctionnements qui ont bien failli coûter la vie à de nombreux passagers et ont mis l’un des avions les plus populaires du monde en péril.
</t>
  </si>
  <si>
    <t>P0828305</t>
  </si>
  <si>
    <t>Air Crash : Inclinaison fatale</t>
  </si>
  <si>
    <t>Deadly Inclination</t>
  </si>
  <si>
    <t xml:space="preserve">Alors qu’il s’approche de Zurich, sa destination, le vol 404 d’Alitalia fonce sur un versant boisé, entraînant la mort de tous ses passagers. L’analyse de la trajectoire radar du Douglas DC-9 révèle aux enquêteurs suisses que l’avion volait trop bas. Mais un examen plus approfondi des pièces à conviction ne fait qu’épaissir le mystère qui règne autour du crash… Un défaut caché au sein du système de navigation aurait-il conduit les deux pilotes sur un terrain mortel ?
</t>
  </si>
  <si>
    <t>P0828304</t>
  </si>
  <si>
    <t>Air Crash : Virage mortel</t>
  </si>
  <si>
    <t>Deadly Go Round</t>
  </si>
  <si>
    <t>À seulement quelques minutes de l’atterrissage, le vol 140 de la compagnie China Airlines s’écrase à l’aéroport de Nagoya, au Japon. Le lendemain matin, les enquêteurs s’affairent déjà à passer au crible les débris carbonisés sur la piste, mais ce qu’ils découvrent ne fait qu’épaissir le mystère. Alors que de prime abord, les pilotes semblaient être à l’origine de la catastrophe, les causes se révèlent bien plus complexes à l’issue de deux ans d’enquête approfondie.</t>
  </si>
  <si>
    <t>P0839915</t>
  </si>
  <si>
    <t>Air Crash : Chute fatale</t>
  </si>
  <si>
    <t>Deadly Pitch</t>
  </si>
  <si>
    <t>Le vol 101 de la compagnie Fine Air à destination de la République dominicaine décolle de Miami avec plus de 40 000 kilos de denim à son bord. Quelques instants après le décollage, l’avion s’écrase au sol, avant de foncer sur une autoroute et de terminer sa course dans un bâtiment. Des centaines de spectateurs assistent au désastre. Ce n’est que grâce à une indication anonyme que les enquêteurs, bien décidés à faire la lumière sur les événements, parviendront à élucider l’affaire.</t>
  </si>
  <si>
    <t>26/11/2020</t>
  </si>
  <si>
    <t>P0848770</t>
  </si>
  <si>
    <t>Science of Stupid : En plein vol</t>
  </si>
  <si>
    <t>Science of Stupid In The Air</t>
  </si>
  <si>
    <t>Embarquez pour un vol d’essai scientifique et découvrez les nombreuses tentatives, souvent soldées par des échecs, des êtres humains pour conquérir le ciel. À travers des animations sur mesure et des extraits au ralenti, Dallas Campbell nous montre les impairs à ne pas commettre à bord d’une montgolfière ou lors de sessions de kite jumping et nous explique pourquoi les frères Wright n’ont jamais sauté du cockpit. La dynamique des fluides n’a jamais été aussi passionnante !</t>
  </si>
  <si>
    <t>P0848771</t>
  </si>
  <si>
    <t>Science of Stupid : En vacances</t>
  </si>
  <si>
    <t>Science of Stupid On Holiday</t>
  </si>
  <si>
    <t>Les vacances sont faites pour la relaxation mais peuvent se transformer en véritable enfer si l’on fait fi de la science. À travers des animations sur mesure et des extraits au ralenti, Dallas Campbell nous montre les erreurs à ne pas commettre lorsque l’on souhaite s’éviter un voyage au pays de la bêtise. Vous apprendrez à marcher avec des palmes au bord de la piscine, à profiter de visites culturelles sans faire de dégâts et à ne pas avoir d’accident à bord du bateau que vous venez d’acheter.</t>
  </si>
  <si>
    <t>N0016295</t>
  </si>
  <si>
    <t>La minute de vérité : La navette Challenger</t>
  </si>
  <si>
    <t>Space Shuttle Challenger</t>
  </si>
  <si>
    <t>00:49</t>
  </si>
  <si>
    <t>Le 28 janvier 1986, la navette Challenger tentait d'entrer dans l'Histoire en emmenant le premier civil dans l'espace, mais en 73 secondes, la navette se transforma en une effroyable boule de feu.</t>
  </si>
  <si>
    <t>N0013907</t>
  </si>
  <si>
    <t>La minute de vérité : Crash d'un jet</t>
  </si>
  <si>
    <t>Comet Air Crash</t>
  </si>
  <si>
    <t>En 1954, un avion reliant Rome à l'Angleterre s'écrase dans la Méditerranée, tuant tous ses passagers. Les autopsies révèlent d'étranges blessures sur de nombreuses victimes.</t>
  </si>
  <si>
    <t>N0016191</t>
  </si>
  <si>
    <t>Travaux musclés : Accélérateur de particules</t>
  </si>
  <si>
    <t>Atom Smasher</t>
  </si>
  <si>
    <t>Sean Riley s'affaire à la réparation du plus grand accélérateur de particules jamais construit, situé à 300 mètres sous terre.</t>
  </si>
  <si>
    <t>N0016102</t>
  </si>
  <si>
    <t>Travaux musclés : Le barrage de John Day</t>
  </si>
  <si>
    <t>Lock And Load</t>
  </si>
  <si>
    <t>P0893999</t>
  </si>
  <si>
    <t>Porsche Taycan</t>
  </si>
  <si>
    <t>Après une course contre la montre et contre ses concurrents, Porsche présente son tout premier modèle entièrement électrique. Peu de véhicules dans l’industrie automobile ont autant fait mouche et misé sur leur succès que la Taycan.</t>
  </si>
  <si>
    <t>N0020455</t>
  </si>
  <si>
    <t>Cash Cars : Une petite beauté</t>
  </si>
  <si>
    <t>Blinged Up Breakers</t>
  </si>
  <si>
    <t>Deux équipes s'affrontent pour savoir qui gagnera le plus d'argent en achetant, en retapant et en revendant des pièces issues de carcasses de voitures. Cette semaine, les équipes misent sur deux petits modèles avec de belles carrosseries et des moteurs modifiés : une Citroën Saxo VTS et une Opel Corsa. Quelle voiture rapportera le plus ?</t>
  </si>
  <si>
    <t>P0852024</t>
  </si>
  <si>
    <t>Car S.O.S. : Camping-car Volkswagen T4</t>
  </si>
  <si>
    <t>Car S.O.S.</t>
  </si>
  <si>
    <t>VW T4 Campervan</t>
  </si>
  <si>
    <t>Tim et Fuzz se rendent dans le Kent où les attend un camping-car Volkswagen T4 de 1991. Jon, un charpentier de 42 ans, a fait l’acquisition de ce mobile home il y a quelques années afin de réaliser son rêve : emmener sa femme faire le tour du monde. Mais le rêve de Jon se retrouve compromis lorsqu’il apprend qu’il est atteint d’un cancer du cerveau. Son monde s’arrête et le projet de restauration de son camping-car adoré doit alors être mis en suspens. L’équipe de Car S.O.S. réussira-t-elle à faire de ce beau projet une réalité ?</t>
  </si>
  <si>
    <t>P0852025</t>
  </si>
  <si>
    <t>Car S.O.S. : Lamborghini Espada</t>
  </si>
  <si>
    <t>Lamborghini Espada</t>
  </si>
  <si>
    <t>Tim et Fuzz se rendent dans le Derbyshire où les attend la restauration d’une supercar italienne de 48 ans : une Lamborghini Espada de 1971. Ged, passionné de mécanique, est l’heureux propriétaire de cette incroyable voiture achetée en 1977. Lorsqu’elle finit par tomber en panne, le projet de Ged de lui redonner ses lettres de noblesse ne peut se concrétiser en raison de graves problèmes de santé. L’équipe de Car S.O.S. réussira-t-elle à faire du rêve de Ged une réalité ?</t>
  </si>
  <si>
    <t>P0852026</t>
  </si>
  <si>
    <t>Car S.O.S. : Ford Escort Mk1 Mexico</t>
  </si>
  <si>
    <t>Ford Escort Mk1 Mexico</t>
  </si>
  <si>
    <t>Tim et Fuzz prennent la direction de Jersey, dans les îles Anglo-Normandes, où les attend une Ford Escort Mexico de 1972. Gary, son propriétaire, vient de se remettre de nombreux soucis de santé. Maintenant que son cancer du sang et sa tuberculose sont derrière lui, sa famille espère que la restauration de sa voiture de collection lui donnera un nouveau souffle. Lorsque les deux compères amènent la voiture au garage, ils ne tardent pas à réaliser qu’aucune pièce n’est en réalité récupérable.</t>
  </si>
  <si>
    <t>P0852027</t>
  </si>
  <si>
    <t>Car S.O.S. : Citroën 2 CV</t>
  </si>
  <si>
    <t>Citroen 2cv</t>
  </si>
  <si>
    <t>Tim et Fuzz se rendent à Manchester afin de dérober discrètement la Citroën 2 CV de 1983 de Stephen, une voiture française d’occasion décalée qui fit autrefois la joie et la fierté de son propriétaire. À leur arrivée, ils découvrent une voiture en pièces qui s’apparente davantage à un puzzle qu’à une deux chevaux. Stephen étant atteint d’un cancer de la gorge, sa famille espère lui donner un nouveau souffle en remettant sa 2 CV sur ses roues.</t>
  </si>
  <si>
    <t>P0797353</t>
  </si>
  <si>
    <t>Car SOS : Lancia Delta Integrale</t>
  </si>
  <si>
    <t>Lancia Delta Integrale</t>
  </si>
  <si>
    <t>Tim et Fuzz récupèrent la Lancia Integrale Evo II de 1994 du fou de voitures italiennes Gary. Cette championne mondiale des rallyes est si rouillée ! Les deux compères ne sont pas au bout de leurs peines. Lorsqu’une tragédie vient à frapper, le processus de restauration prend un tour complètement différent.</t>
  </si>
  <si>
    <t>P0855580</t>
  </si>
  <si>
    <t>Pêche à haut risque : Cri de ralliement</t>
  </si>
  <si>
    <t>Battle Cry</t>
  </si>
  <si>
    <t>Alors que la saison du thon rouge bat son plein à Gloucester, le meilleur pêcheur de la Nouvelle-Angleterre prend le large afin de débusquer les premiers poissons de la saison. Suite à la mort prématurée de son compagnon de pêche, Nick « Duffy » Fudge, le champion en titre Tyler McLaughlin et le reste de la flotte s’interrogent… Le jeune capitaine réussira-t-il à défendre son titre ?</t>
  </si>
  <si>
    <t>P0855581</t>
  </si>
  <si>
    <t>Pêche à haut risque : Bataille de nageoires</t>
  </si>
  <si>
    <t>Game of Fins</t>
  </si>
  <si>
    <t>Au cours de cette deuxième semaine, l’équipage familial du Pinwheel continue de pêcher en hommage à son compagnon disparu. Le retour du Fish Hawk, avec à son bord un nouveau membre paré pour la compétition, lui remonte le moral. De son côté, le Wicked Pissah lutte pour conserver son avance.</t>
  </si>
  <si>
    <t>P0884833</t>
  </si>
  <si>
    <t>Ultimate Airport : Amérique latine - Saisies records</t>
  </si>
  <si>
    <t>Airport Security Compilations</t>
  </si>
  <si>
    <t>Big Busts</t>
  </si>
  <si>
    <t>Cet épisode revient sur les plus grosses saisies de cocaïne au sein des aéroports de Colombie et du Pérou. Un individu en partance pour la République dominicaine dissimule de la cocaïne dans des cahiers de textes d’enfants. Une belle-mère et sa fille cachent des briques de poudre blanche sous leurs vestes. Son enfant sous le bras, une mère camoufle la drogue dans des emballages alimentaires et des vêtements pour enfants. Des agents de la brigade de lutte contre les stupéfiants découvrent de la cocaïne dans une cargaison d’herbes aromatiques. Enfin, un homme en route pour le Mexique transporte des briques de ladite substance dans son bagage à main, tandis qu’un autre transite avec de la cocaïne liquide dans des bouteilles de soda.</t>
  </si>
  <si>
    <t>P0949119</t>
  </si>
  <si>
    <t>Trésors sous les mers : Missions top secrètes</t>
  </si>
  <si>
    <t>Drain The Oceans: Secret Missions</t>
  </si>
  <si>
    <t>Drain The Oceans: Secret Missions, 1</t>
  </si>
  <si>
    <t>Au fond de nos océans gisent à l’abandon machines et armes nucléaires meurtrières. Tapies sur le sol marin depuis des décennies, ces épaves top secrètes s’apprêtent à révéler les mystères de la naissance de l’ère atomique moderne. Grâce à des séquences inédites, à des données extrêmement précises et à des informations classifiées, nous évacuons aujourd’hui les océans afin d’exhumer les énigmes qui se cachent sous les vagues. Quelle mission confidentielle a empêché l’aboutissement du programme nucléaire nazi ? Pourquoi le navire responsable du transport d’uranium vers l’île de Tinian s’est-il retrouvé au fond des mers ? Quelle opération secrète de la CIA a permis de mettre la main sur des missiles atomiques disparus au cœur des profondeurs ?</t>
  </si>
  <si>
    <t>P0829485</t>
  </si>
  <si>
    <t>Trésors sous les mers : Naufrages en Atlantique</t>
  </si>
  <si>
    <t>Drain The Ocean: Atlantic's Deadly Triangle Compilation</t>
  </si>
  <si>
    <t>Drain The Ocean: Ghost Ships of The Atlantic, 1</t>
  </si>
  <si>
    <t>Partez à la découverte d’un monde resté inexploré - un monde caché sous les profondeurs de la mer, celui de l’Atlantique et des navires échoués. Que savons-nous vraiment ce territoire de plus de 106,5 millions de kilomètres carrés et pourquoi tant de navires y ont-ils fait naufrage ? Est-ce là l’œuvre de Mère Nature ou l’action de forces surnaturelles ? La science peut-elle expliquer le grand nombre de navires et d’avions qui ont sombré dans l’Atlantique ? Prenez part aux expéditions archéologiques qui étudient le fameux Triangle des Bermudes et les navires perdus qui parsèment son plancher océanique. Équipés de nouvelles technologies, les scientifiques vous présenteront des cartes tridimensionnelles générées par ordinateur pour vous aider à faire la lumière sur ces mystères du passé.</t>
  </si>
  <si>
    <t>P0859141</t>
  </si>
  <si>
    <t>Trésors sous les mers : Le débarquement</t>
  </si>
  <si>
    <t>Secrets of D-Day</t>
  </si>
  <si>
    <t>À l’aide de la dernière technologie sonar, une expédition ayant pour mission de cartographier les navires alliés engloutis au large des côtes normandes rapporte d’époustouflantes images sous-marines. Plus d’une centaine d’épaves de barges de débarquement et de navires ayant participé à la plus grande flotte amphibie de l’histoire gisent au fond de la Manche. À mesure que l’eau est évacuée, l’extraordinaire technologie secrète employée par les Alliés comme par les Nazis dans la bataille pour l’Europe de l’Ouest se révèle. L’issue de ce conflit transformera notre monde à jamais.</t>
  </si>
  <si>
    <t>P0873086</t>
  </si>
  <si>
    <t>Trésors sous les mers : Les épaves du Pacifique</t>
  </si>
  <si>
    <t>Pacific War Megawrecks</t>
  </si>
  <si>
    <t>Une expédition part sur les traces des épaves emblématiques de la bataille du Pacifique. Parmi elles, celle de l’USS Indianapolis, le navire ayant livré la bombe d’Hiroshima.</t>
  </si>
  <si>
    <t>27/11/2020</t>
  </si>
  <si>
    <t>P0852997</t>
  </si>
  <si>
    <t>Science of Stupid : En voiture !</t>
  </si>
  <si>
    <t>Science of Stupid Cars And Trucks</t>
  </si>
  <si>
    <t>Dans cet épisode, science et stupidité s’affrontent. Les véhicules à roues ont beau exister depuis plus de cinq millénaires, nombreux sont ceux qui semblent ne pas avoir saisi leur fonctionnement. À l’aide d’animations sur mesure et d’extraits au ralenti, Dallas Campbell analysera les mésaventures de conducteurs qui roulent en arrière, tentent de conduire sur le sable ou de remporter une course de vitesse.</t>
  </si>
  <si>
    <t>P0852998</t>
  </si>
  <si>
    <t>Science of Stupid : Cascades</t>
  </si>
  <si>
    <t>Science of Stupid Stunts</t>
  </si>
  <si>
    <t xml:space="preserve">Science of Stupid revient pour une compilation des meilleurs moments des saisons 2, 3 et 4. La série présentée par Dallas Campbell reste fidèle au format original mais des animations inédites seront au rendez-vous.
</t>
  </si>
  <si>
    <t>P0812701</t>
  </si>
  <si>
    <t>La minute de vérité : Des détails aux conséquences mortelles</t>
  </si>
  <si>
    <t>Seconds From Disaster Compilation</t>
  </si>
  <si>
    <t>Deadly Details</t>
  </si>
  <si>
    <t>Au programme de ce best-of de La minute de vérité : deux tragédies aériennes, engendrées par des problèmes minimes qui ont coûté la vie à des centaines de personnes. Le crash de l’avion Swiss Air 111 a été causé par un défaut de câblage microscopique, lequel a déclenché un incendie dans le cockpit. Le feu s’est propagé de manière incontrôlable et a entraîné la mort de 229 passagers. JAL 123, un second avion, s’est mystérieusement écrasé sur une montagne isolée peu après le décollage. D’après une enquête minutieuse, la négligence de petites réparations serait à l’origine de la mort prématurée des 520 passagers.</t>
  </si>
  <si>
    <t>N0016496</t>
  </si>
  <si>
    <t>La minute de vérité : Le vol 191 pour Chicago</t>
  </si>
  <si>
    <t>Chicago Air Crash</t>
  </si>
  <si>
    <t>En 1979 à Chicago, 273 personnes périrent dans l'écrasement d'un avion sur un camp de caravanes. Les règles de l'aviation civiles ont été entièrement revues après ce crash.</t>
  </si>
  <si>
    <t>N0016172</t>
  </si>
  <si>
    <t>Travaux musclés : Transport de masse</t>
  </si>
  <si>
    <t>Mass Transit</t>
  </si>
  <si>
    <t>Sean Riley vous fait découvrir l'envers du décor d'un des plus grands réseaux de transport de masse des USA et comment experts, mécaniciens, ou encore contrôleurs s'affairent pour garder cet énorme système en état de marche 24h/7.</t>
  </si>
  <si>
    <t>N0016234</t>
  </si>
  <si>
    <t>Travaux musclés : Satellite en détresse</t>
  </si>
  <si>
    <t>Rocket Launch</t>
  </si>
  <si>
    <t>Accrochez-vous bien pour ce nouvel épisode spectaculaire! Nous dépassons les limites de la planète Terre. Pour sa nouvelle mission, Sean Riley va mettre un satellite en orbite Il va devoir envoyer cette pièce d'équipement haute technologie dans l'espace. Cette fusée aura la taille d'un immeuble de douze étages et sera constituée d'une énorme puissance de feu Un travail qui aura lieu dans l'un des endroits les plus reculés de la planète: La Guyane Française. Ce département Français situé à coté de l'Amérique du Sud est à une courte distance de l'équateur, mais très loin du monde moderne. Quand les mensurateurs de vents seront à zéro, Riley sera aux premières loges pour ce qui est certainement l'un des spectacles les plus incroyables du monde.</t>
  </si>
  <si>
    <t>P0893998</t>
  </si>
  <si>
    <t>Pagani Huayra Roadster</t>
  </si>
  <si>
    <t>Sculptée dans les moindres détails, la Pagani Huayra Roadster est un véritable chef-d’œuvre automobile, conçu pour des performances extrêmes défiant les lois fondamentales de la physique.</t>
  </si>
  <si>
    <t>P0893994</t>
  </si>
  <si>
    <t>Ultimate Supercar : Aston Martin DBS Superleggera</t>
  </si>
  <si>
    <t>Aston Martin Dbs Superleggera</t>
  </si>
  <si>
    <t>Dernière marque automobile véritablement indépendante qui lutte pour se démarquer au sein d’un monde dirigé par les conglomérats, Aston Martin n’a pas le droit à l’erreur. Pour rester dans la course, la firme doit remplacer son bolide phare, la DBS Superleggera.</t>
  </si>
  <si>
    <t>P0830183</t>
  </si>
  <si>
    <t>Batailles sous les mers : Rommel attaqué</t>
  </si>
  <si>
    <t>WW2 Hell Under The Sea</t>
  </si>
  <si>
    <t>Defying Rommel</t>
  </si>
  <si>
    <t xml:space="preserve">Septembre 1941. Le capitaine Malcolm Wanklyn du HMS Upholder, décoré de la Croix de Victoria, se joint à trois autres sous-marins britanniques à la recherche de navires italiens transportant des ravitaillements destinés à l’Afrique du Nord, où le général Rommel mène une guerre sans pitié. Alors qu’ils ont la même cible en ligne de mire, les sous-marins partenaires HMS Upholder et HMS Unbeaten se visent accidentellement, les mettant dans une position dangereuse susceptible d’offrir une victoire aux puissances de l’Axe.
</t>
  </si>
  <si>
    <t>P0830184</t>
  </si>
  <si>
    <t>Batailles sous les mers : Confrontation en mer du Nord</t>
  </si>
  <si>
    <t>North Sea Showdown</t>
  </si>
  <si>
    <t xml:space="preserve">Février 1945. Sous les eaux glacées de Norvège, le HMS Venturer, dirigé par le lieutenant James Launders, intercepte un U-Boot allemand. Le sous-marin U-864 s’apprête à livrer les « armes miracles » allemandes au Japon au cours d’une mission secrète. Il s’agira de l’une des rares attaques de la Seconde Guerre mondiale où deux sous-marins agissent dans l’ombre.
</t>
  </si>
  <si>
    <t>P0830185</t>
  </si>
  <si>
    <t>Batailles sous les mers : Crise de la guerre froide</t>
  </si>
  <si>
    <t>Cold War Crisis</t>
  </si>
  <si>
    <t xml:space="preserve">Octobre 1962. Lors d’une mission secrète, quatre sous-marins soviétiques sont envoyés à Cuba avec des torpilles nucléaires à leur bord. Tandis qu’ils sont en chemin, les États-Unis instaurent une zone de quarantaine autour de l’île. Lors de la découverte du sous-marin soviétique B-59, des grenades sous-marines sont larguées, signe d’une escalade vers une guerre nucléaire.
</t>
  </si>
  <si>
    <t>P0836523</t>
  </si>
  <si>
    <t>Seconde Guerre Mondiale : Témoignages de guerre</t>
  </si>
  <si>
    <t>Inside World War II: The People's War</t>
  </si>
  <si>
    <t>Inside World War II: The People's War, 1</t>
  </si>
  <si>
    <t>01:27</t>
  </si>
  <si>
    <t>À travers des témoignages poignants et de rares images, nous sommes transportés sur le front du conflit le plus sanglant que l’histoire ait connu. Des soldats et des civils nous livrent le récit captivant des plus grandes batailles de la Seconde Guerre mondiale et de leur avancement, jour après jour, heure après heure, seconde après seconde.</t>
  </si>
  <si>
    <t>P0855582</t>
  </si>
  <si>
    <t>Pêche à haut risque : Une compétition sans merci</t>
  </si>
  <si>
    <t>Wreck It Ralph</t>
  </si>
  <si>
    <t>00:45</t>
  </si>
  <si>
    <t>Lorsqu’un visage familier revient à Gloucester disputer le titre de meilleur pêcheur de thon rouge, la flotte ne se montre pas très accueillante. Pour l’un des pêcheurs, l’océan n’est pas suffisamment grand pour accueillir les deux compétiteurs.</t>
  </si>
  <si>
    <t>P0855583</t>
  </si>
  <si>
    <t>Pêche à haut risque : Dieux et monstres</t>
  </si>
  <si>
    <t>Gods And Monstahs</t>
  </si>
  <si>
    <t>Alors que la saison bat son plein, les capitaines ont bien conscience que la compétition est sur le point de se corser. Chaque bateau possède ses propres méthodes, ses stratégies, ses superstitions et il n’est pas toujours évident de trouver la recette de la réussite. La chance ne sera pas de trop pour affronter les obstacles à venir, y compris pour les non-croyants.</t>
  </si>
  <si>
    <t>P0884835</t>
  </si>
  <si>
    <t>Ultimate Airport : Amérique latine - Arrêtés de justesse</t>
  </si>
  <si>
    <t>Almost Got Away</t>
  </si>
  <si>
    <t>Ces suspects ont bien failli échapper aux mains de la police. Dans cet épisode, un agriculteur échange sa valise contre celle d’un complice dans un terminal de l’aéroport. Un homme ayant ingéré de la cocaïne embarque à bord d’un avion, avant d’être appréhendé à destination grâce au partage d’informations international. Après 36 heures de garde à vue, un individu avec des capsules dans son estomac tient bon et doit être libéré, lorsque sa sœur est interpellée. Pour finir, une cargaison de poudre blanche subit une transformation chimique destinée à duper les autorités.</t>
  </si>
  <si>
    <t>P0930764</t>
  </si>
  <si>
    <t>Ultimate airport : USA -Trafiquant un jour, trafiquant toujours ?</t>
  </si>
  <si>
    <t>Smuggle Once, Smuggle Twice?</t>
  </si>
  <si>
    <t>Les agents de l’aéroport John F. Kennedy de New York sont aux trousses d’un voyageur sans travail ni argent, en provenance du Panama et à destination de Hong Kong. Ce dernier est soupçonné d’introduire clandestinement des stupéfiants sur le sol américain. À l’aéroport de Miami, les douaniers mettent la main sur des pièces d’armes illégales dans des colis en partance pour l’Argentine, déclenchant une investigation internationale. Les enquêteurs partent pour Buenos Aires afin de prêter main-forte aux autorités locales dans le cadre d’une gigantesque rafle nationale qui vise des trafiquants d’armes présumés. L’opération « Patagonia Express » se révèlera être la plus grande saisie d’armes de l’histoire de l’Argentine.</t>
  </si>
  <si>
    <t>P0949189</t>
  </si>
  <si>
    <t>Made in USA : La voiture électrique</t>
  </si>
  <si>
    <t>Electric Cars</t>
  </si>
  <si>
    <t>Pénétrez dans les coulisses de l’usine Tesla, où l’automatisation exécutée par une armée de robots, une main-d’œuvre qualifiée et une logistique à l’échelle globale s’associent pour donner naissance à la voiture électrique baptisée Model 3.</t>
  </si>
  <si>
    <t>21:25:00:00</t>
  </si>
  <si>
    <t>P0949192</t>
  </si>
  <si>
    <t>Made in USA : la sauce piquante</t>
  </si>
  <si>
    <t>Hot Sauce</t>
  </si>
  <si>
    <t>Découvrez le processus de fabrication et de distribution de la célèbre sauce pimentée. Autrefois simple piment cultivé au sein des fermes d’Amérique centrale et du Sud, ce fruit épicé s’est répandu aux quatre coins du monde jusqu’à devenir l’un des ingrédients les plus recherchés. La raison ? Un marché de la sauce piquante en plein essor, dont les ventes s’élèvent alors à plus de 4 milliards de dollars. Avec plus de 182 millions de bouteilles vendues par an, la marque Tabasco, l’une des pionnières du secteur, continue de mettre le feu au marché.</t>
  </si>
  <si>
    <t>P0949194</t>
  </si>
  <si>
    <t>Made in USA : Vers l'infini et au-delà</t>
  </si>
  <si>
    <t>Space Rockets</t>
  </si>
  <si>
    <t>De tôles métalliques à la naissance d’un service de taxi vers les étoiles à 1,4 million d’euros, découvrez l’extraordinaire processus de fabrication d’une fusée. Ouvrant la voie à un champ de possibles pour l’ensemble de l’humanité, les missions spatiales représentent une économie susceptible d’atteindre les mille milliards de dollars au cours des 20 prochaines années. En matière d’exploration des confins de l’univers, le constructeur américain de fusées ULA se trouve aujourd’hui à la pointe.</t>
  </si>
  <si>
    <t>22:15:00:00</t>
  </si>
  <si>
    <t>P0949196</t>
  </si>
  <si>
    <t>Made in USA : La guitare électrique</t>
  </si>
  <si>
    <t>Electric Guitars</t>
  </si>
  <si>
    <t>Pénétrez dans les coulisses de la manufacture de Gibson Guitars, située à Nashville, dans le Tennessee, et découvrez les secrets de fabrication de leurs instruments légendaires. Avant d’arriver sur scène, l’illustre guitare électrique Les Paul est avant tout le résultat d’une parfaite alliance entre machines de pointe, savoir-faire artisanal et logistique mondiale.</t>
  </si>
  <si>
    <t>N0014394</t>
  </si>
  <si>
    <t>Megafactories : Mini</t>
  </si>
  <si>
    <t>Mini</t>
  </si>
  <si>
    <t>Cet épisode de Megafactories est une occasion unique de pénétrer dans l'usine de construction du nouveau modèle Mini. Le Mini Coupé est la première voiture de sport pour deux passagers jamais conçue. Suivez son processus de construction au sein de l'industrie située à Oxford, au coeur de l'Angleterre.</t>
  </si>
  <si>
    <t>P0795895</t>
  </si>
  <si>
    <t>Science of stupid : Episode 11</t>
  </si>
  <si>
    <t>Science of Stupid</t>
  </si>
  <si>
    <t>Science of Stupid 5, 11</t>
  </si>
  <si>
    <t>Cet épisode nous montre les différentes manières de se blesser et de se ridiculiser en soulevant une personne, en ouvrant des fûts de bière ou en marchant dans la neige.</t>
  </si>
  <si>
    <t>23:50:00:00</t>
  </si>
  <si>
    <t>P0795898</t>
  </si>
  <si>
    <t>Science of stupid : Episode 15</t>
  </si>
  <si>
    <t>Science of Stupid 5, 15</t>
  </si>
  <si>
    <t>Cet épisode nous montre les différentes manières de se blesser et de se ridiculiser en faisant des rebonds au golf, en sautant dans des véhicules lancés à vive allure ou en participant à des courses de ski.</t>
  </si>
  <si>
    <t>24:40:00:00</t>
  </si>
  <si>
    <t>25:25:00:00</t>
  </si>
  <si>
    <t>P0795899</t>
  </si>
  <si>
    <t>Science of stupid : Episode 17</t>
  </si>
  <si>
    <t>Science of Stupid 5, 17</t>
  </si>
  <si>
    <t>Cet épisode nous montre les différentes manières de se blesser et de se ridiculiser en faisant de la luge GT, en descendant d’une barre fixe ou en frappant une balle de golf.</t>
  </si>
  <si>
    <t>26:50:00:00</t>
  </si>
  <si>
    <t>P0775015</t>
  </si>
  <si>
    <t>Science of stupid : Episode 8</t>
  </si>
  <si>
    <t>Science of Stupid 5, 8</t>
  </si>
  <si>
    <t>Cet épisode nous montre les différentes manières de se blesser et de se ridiculiser en courant dans le sable, en portant des gâteaux de mariage ou en faisant des « tope là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3">
    <fill>
      <patternFill patternType="none"/>
    </fill>
    <fill>
      <patternFill patternType="gray125"/>
    </fill>
    <fill>
      <patternFill patternType="solid">
        <fgColor rgb="FFFFFF00"/>
        <bgColor indexed="64"/>
      </patternFill>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9">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xf numFmtId="0" fontId="4" fillId="2" borderId="1" xfId="0" applyNumberFormat="1" applyFont="1" applyFill="1" applyBorder="1" applyAlignment="1">
      <alignment vertical="top" wrapText="1" readingOrder="1"/>
    </xf>
    <xf numFmtId="0" fontId="1" fillId="2" borderId="0" xfId="0" applyFont="1" applyFill="1" applyBorder="1"/>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16"/>
  <sheetViews>
    <sheetView showGridLines="0" tabSelected="1" topLeftCell="A155" workbookViewId="0">
      <selection activeCell="E160" sqref="E160"/>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t="s">
        <v>15</v>
      </c>
      <c r="D3" s="2" t="s">
        <v>16</v>
      </c>
      <c r="E3" s="2" t="s">
        <v>17</v>
      </c>
      <c r="F3" s="2" t="s">
        <v>18</v>
      </c>
      <c r="G3" s="3">
        <v>5</v>
      </c>
      <c r="H3" s="2" t="s">
        <v>19</v>
      </c>
      <c r="I3" s="3">
        <v>2014</v>
      </c>
      <c r="J3" s="2" t="s">
        <v>20</v>
      </c>
      <c r="K3" s="2"/>
      <c r="L3" s="2" t="s">
        <v>21</v>
      </c>
    </row>
    <row r="4" spans="1:12" ht="15.2" customHeight="1">
      <c r="A4" s="2" t="s">
        <v>13</v>
      </c>
      <c r="B4" s="2" t="s">
        <v>22</v>
      </c>
      <c r="C4" s="2" t="s">
        <v>23</v>
      </c>
      <c r="D4" s="2" t="s">
        <v>24</v>
      </c>
      <c r="E4" s="2" t="s">
        <v>17</v>
      </c>
      <c r="F4" s="2" t="s">
        <v>25</v>
      </c>
      <c r="G4" s="3">
        <v>6</v>
      </c>
      <c r="H4" s="2" t="s">
        <v>19</v>
      </c>
      <c r="I4" s="3">
        <v>2014</v>
      </c>
      <c r="J4" s="2" t="s">
        <v>20</v>
      </c>
      <c r="K4" s="2"/>
      <c r="L4" s="2" t="s">
        <v>26</v>
      </c>
    </row>
    <row r="5" spans="1:12" ht="15.2" customHeight="1">
      <c r="A5" s="2" t="s">
        <v>13</v>
      </c>
      <c r="B5" s="2" t="s">
        <v>27</v>
      </c>
      <c r="C5" s="2" t="s">
        <v>28</v>
      </c>
      <c r="D5" s="2" t="s">
        <v>29</v>
      </c>
      <c r="E5" s="2" t="s">
        <v>30</v>
      </c>
      <c r="F5" s="2" t="s">
        <v>31</v>
      </c>
      <c r="G5" s="3">
        <v>3</v>
      </c>
      <c r="H5" s="2" t="s">
        <v>32</v>
      </c>
      <c r="I5" s="3">
        <v>2020</v>
      </c>
      <c r="J5" s="2" t="s">
        <v>33</v>
      </c>
      <c r="K5" s="2"/>
      <c r="L5" s="2" t="s">
        <v>34</v>
      </c>
    </row>
    <row r="6" spans="1:12" ht="15.2" customHeight="1">
      <c r="A6" s="2" t="s">
        <v>13</v>
      </c>
      <c r="B6" s="2" t="s">
        <v>35</v>
      </c>
      <c r="C6" s="2" t="s">
        <v>36</v>
      </c>
      <c r="D6" s="2" t="s">
        <v>37</v>
      </c>
      <c r="E6" s="2" t="s">
        <v>30</v>
      </c>
      <c r="F6" s="2" t="s">
        <v>38</v>
      </c>
      <c r="G6" s="3">
        <v>6</v>
      </c>
      <c r="H6" s="2" t="s">
        <v>32</v>
      </c>
      <c r="I6" s="3">
        <v>2020</v>
      </c>
      <c r="J6" s="2" t="s">
        <v>33</v>
      </c>
      <c r="K6" s="2"/>
      <c r="L6" s="2" t="s">
        <v>39</v>
      </c>
    </row>
    <row r="7" spans="1:12" ht="15.2" customHeight="1">
      <c r="A7" s="2" t="s">
        <v>13</v>
      </c>
      <c r="B7" s="2" t="s">
        <v>40</v>
      </c>
      <c r="C7" s="2" t="s">
        <v>41</v>
      </c>
      <c r="D7" s="2" t="s">
        <v>42</v>
      </c>
      <c r="E7" s="2" t="s">
        <v>30</v>
      </c>
      <c r="F7" s="2" t="s">
        <v>43</v>
      </c>
      <c r="G7" s="3">
        <v>4</v>
      </c>
      <c r="H7" s="2" t="s">
        <v>32</v>
      </c>
      <c r="I7" s="3">
        <v>2020</v>
      </c>
      <c r="J7" s="2" t="s">
        <v>33</v>
      </c>
      <c r="K7" s="2"/>
      <c r="L7" s="2" t="s">
        <v>44</v>
      </c>
    </row>
    <row r="8" spans="1:12" ht="15.2" customHeight="1">
      <c r="A8" s="2" t="s">
        <v>13</v>
      </c>
      <c r="B8" s="2" t="s">
        <v>45</v>
      </c>
      <c r="C8" s="2" t="s">
        <v>46</v>
      </c>
      <c r="D8" s="2" t="s">
        <v>47</v>
      </c>
      <c r="E8" s="2" t="s">
        <v>30</v>
      </c>
      <c r="F8" s="2" t="s">
        <v>48</v>
      </c>
      <c r="G8" s="3">
        <v>11</v>
      </c>
      <c r="H8" s="2" t="s">
        <v>32</v>
      </c>
      <c r="I8" s="3">
        <v>2020</v>
      </c>
      <c r="J8" s="2" t="s">
        <v>33</v>
      </c>
      <c r="K8" s="2"/>
      <c r="L8" s="2" t="s">
        <v>49</v>
      </c>
    </row>
    <row r="9" spans="1:12" ht="15.2" customHeight="1">
      <c r="A9" s="2" t="s">
        <v>13</v>
      </c>
      <c r="B9" s="2" t="s">
        <v>50</v>
      </c>
      <c r="C9" s="2" t="s">
        <v>51</v>
      </c>
      <c r="D9" s="2" t="s">
        <v>52</v>
      </c>
      <c r="E9" s="2" t="s">
        <v>53</v>
      </c>
      <c r="F9" s="2" t="s">
        <v>54</v>
      </c>
      <c r="G9" s="3">
        <v>74</v>
      </c>
      <c r="H9" s="2" t="s">
        <v>55</v>
      </c>
      <c r="I9" s="3">
        <v>2012</v>
      </c>
      <c r="J9" s="2" t="s">
        <v>20</v>
      </c>
      <c r="K9" s="2"/>
      <c r="L9" s="2" t="s">
        <v>56</v>
      </c>
    </row>
    <row r="10" spans="1:12" ht="15.2" customHeight="1">
      <c r="A10" s="2" t="s">
        <v>13</v>
      </c>
      <c r="B10" s="2" t="s">
        <v>57</v>
      </c>
      <c r="C10" s="2" t="s">
        <v>58</v>
      </c>
      <c r="D10" s="2" t="s">
        <v>59</v>
      </c>
      <c r="E10" s="2" t="s">
        <v>60</v>
      </c>
      <c r="F10" s="2" t="s">
        <v>61</v>
      </c>
      <c r="G10" s="3">
        <v>1</v>
      </c>
      <c r="H10" s="2" t="s">
        <v>62</v>
      </c>
      <c r="I10" s="3">
        <v>2019</v>
      </c>
      <c r="J10" s="2" t="s">
        <v>63</v>
      </c>
      <c r="K10" s="2"/>
      <c r="L10" s="2" t="s">
        <v>64</v>
      </c>
    </row>
    <row r="11" spans="1:12" ht="15.2" customHeight="1">
      <c r="A11" s="2" t="s">
        <v>13</v>
      </c>
      <c r="B11" s="2" t="s">
        <v>65</v>
      </c>
      <c r="C11" s="2" t="s">
        <v>66</v>
      </c>
      <c r="D11" s="2" t="s">
        <v>67</v>
      </c>
      <c r="E11" s="2" t="s">
        <v>60</v>
      </c>
      <c r="F11" s="2" t="s">
        <v>68</v>
      </c>
      <c r="G11" s="3">
        <v>2</v>
      </c>
      <c r="H11" s="2" t="s">
        <v>62</v>
      </c>
      <c r="I11" s="3">
        <v>2019</v>
      </c>
      <c r="J11" s="2" t="s">
        <v>63</v>
      </c>
      <c r="K11" s="2"/>
      <c r="L11" s="2" t="s">
        <v>69</v>
      </c>
    </row>
    <row r="12" spans="1:12" ht="15.2" customHeight="1">
      <c r="A12" s="2" t="s">
        <v>13</v>
      </c>
      <c r="B12" s="2" t="s">
        <v>70</v>
      </c>
      <c r="C12" s="2" t="s">
        <v>71</v>
      </c>
      <c r="D12" s="2" t="s">
        <v>72</v>
      </c>
      <c r="E12" s="2" t="s">
        <v>73</v>
      </c>
      <c r="F12" s="2" t="s">
        <v>74</v>
      </c>
      <c r="G12" s="3">
        <v>1</v>
      </c>
      <c r="H12" s="2" t="s">
        <v>55</v>
      </c>
      <c r="I12" s="3">
        <v>2018</v>
      </c>
      <c r="J12" s="2" t="s">
        <v>33</v>
      </c>
      <c r="K12" s="2"/>
      <c r="L12" s="2" t="s">
        <v>75</v>
      </c>
    </row>
    <row r="13" spans="1:12" ht="15.2" customHeight="1">
      <c r="A13" s="2" t="s">
        <v>13</v>
      </c>
      <c r="B13" s="2" t="s">
        <v>76</v>
      </c>
      <c r="C13" s="2" t="s">
        <v>77</v>
      </c>
      <c r="D13" s="2" t="s">
        <v>78</v>
      </c>
      <c r="E13" s="2" t="s">
        <v>73</v>
      </c>
      <c r="F13" s="2" t="s">
        <v>79</v>
      </c>
      <c r="G13" s="3">
        <v>2</v>
      </c>
      <c r="H13" s="2" t="s">
        <v>55</v>
      </c>
      <c r="I13" s="3">
        <v>2018</v>
      </c>
      <c r="J13" s="2" t="s">
        <v>33</v>
      </c>
      <c r="K13" s="2"/>
      <c r="L13" s="2" t="s">
        <v>80</v>
      </c>
    </row>
    <row r="14" spans="1:12" ht="15.2" customHeight="1">
      <c r="A14" s="2" t="s">
        <v>13</v>
      </c>
      <c r="B14" s="2" t="s">
        <v>81</v>
      </c>
      <c r="C14" s="2" t="s">
        <v>82</v>
      </c>
      <c r="D14" s="2" t="s">
        <v>83</v>
      </c>
      <c r="E14" s="2" t="s">
        <v>84</v>
      </c>
      <c r="F14" s="2" t="s">
        <v>85</v>
      </c>
      <c r="G14" s="3">
        <v>4</v>
      </c>
      <c r="H14" s="2" t="s">
        <v>55</v>
      </c>
      <c r="I14" s="3">
        <v>2018</v>
      </c>
      <c r="J14" s="2" t="s">
        <v>20</v>
      </c>
      <c r="K14" s="2"/>
      <c r="L14" s="2" t="s">
        <v>86</v>
      </c>
    </row>
    <row r="15" spans="1:12" ht="15.2" customHeight="1">
      <c r="A15" s="2" t="s">
        <v>13</v>
      </c>
      <c r="B15" s="2" t="s">
        <v>87</v>
      </c>
      <c r="C15" s="2" t="s">
        <v>88</v>
      </c>
      <c r="D15" s="2" t="s">
        <v>89</v>
      </c>
      <c r="E15" s="2" t="s">
        <v>84</v>
      </c>
      <c r="F15" s="2" t="s">
        <v>90</v>
      </c>
      <c r="G15" s="3">
        <v>5</v>
      </c>
      <c r="H15" s="2" t="s">
        <v>55</v>
      </c>
      <c r="I15" s="3">
        <v>2018</v>
      </c>
      <c r="J15" s="2" t="s">
        <v>20</v>
      </c>
      <c r="K15" s="2"/>
      <c r="L15" s="2" t="s">
        <v>91</v>
      </c>
    </row>
    <row r="16" spans="1:12" ht="15.2" customHeight="1">
      <c r="A16" s="2" t="s">
        <v>13</v>
      </c>
      <c r="B16" s="2" t="s">
        <v>92</v>
      </c>
      <c r="C16" s="2" t="s">
        <v>93</v>
      </c>
      <c r="D16" s="2" t="s">
        <v>94</v>
      </c>
      <c r="E16" s="2" t="s">
        <v>84</v>
      </c>
      <c r="F16" s="2" t="s">
        <v>95</v>
      </c>
      <c r="G16" s="3">
        <v>6</v>
      </c>
      <c r="H16" s="2" t="s">
        <v>55</v>
      </c>
      <c r="I16" s="3">
        <v>2018</v>
      </c>
      <c r="J16" s="2" t="s">
        <v>20</v>
      </c>
      <c r="K16" s="2"/>
      <c r="L16" s="2" t="s">
        <v>96</v>
      </c>
    </row>
    <row r="17" spans="1:12" ht="15.2" customHeight="1">
      <c r="A17" s="2" t="s">
        <v>13</v>
      </c>
      <c r="B17" s="2" t="s">
        <v>97</v>
      </c>
      <c r="C17" s="2" t="s">
        <v>98</v>
      </c>
      <c r="D17" s="2" t="s">
        <v>99</v>
      </c>
      <c r="E17" s="2" t="s">
        <v>84</v>
      </c>
      <c r="F17" s="2" t="s">
        <v>100</v>
      </c>
      <c r="G17" s="3">
        <v>4</v>
      </c>
      <c r="H17" s="2" t="s">
        <v>55</v>
      </c>
      <c r="I17" s="3">
        <v>2019</v>
      </c>
      <c r="J17" s="2" t="s">
        <v>101</v>
      </c>
      <c r="K17" s="2"/>
      <c r="L17" s="2" t="s">
        <v>102</v>
      </c>
    </row>
    <row r="18" spans="1:12" ht="15.2" customHeight="1">
      <c r="A18" s="2" t="s">
        <v>13</v>
      </c>
      <c r="B18" s="2" t="s">
        <v>103</v>
      </c>
      <c r="C18" s="2" t="s">
        <v>104</v>
      </c>
      <c r="D18" s="2" t="s">
        <v>105</v>
      </c>
      <c r="E18" s="2" t="s">
        <v>106</v>
      </c>
      <c r="F18" s="2" t="s">
        <v>107</v>
      </c>
      <c r="G18" s="3">
        <v>5</v>
      </c>
      <c r="H18" s="2" t="s">
        <v>108</v>
      </c>
      <c r="I18" s="3">
        <v>2012</v>
      </c>
      <c r="J18" s="2" t="s">
        <v>20</v>
      </c>
      <c r="K18" s="2"/>
      <c r="L18" s="2" t="s">
        <v>109</v>
      </c>
    </row>
    <row r="19" spans="1:12" ht="15.2" customHeight="1">
      <c r="A19" s="2" t="s">
        <v>13</v>
      </c>
      <c r="B19" s="2" t="s">
        <v>110</v>
      </c>
      <c r="C19" s="2" t="s">
        <v>111</v>
      </c>
      <c r="D19" s="2" t="s">
        <v>112</v>
      </c>
      <c r="E19" s="2" t="s">
        <v>113</v>
      </c>
      <c r="F19" s="2" t="s">
        <v>114</v>
      </c>
      <c r="G19" s="3">
        <v>1</v>
      </c>
      <c r="H19" s="2" t="s">
        <v>108</v>
      </c>
      <c r="I19" s="3">
        <v>2019</v>
      </c>
      <c r="J19" s="2" t="s">
        <v>20</v>
      </c>
      <c r="K19" s="2"/>
      <c r="L19" s="2" t="s">
        <v>115</v>
      </c>
    </row>
    <row r="20" spans="1:12" ht="15.2" customHeight="1">
      <c r="A20" s="2" t="s">
        <v>13</v>
      </c>
      <c r="B20" s="2" t="s">
        <v>116</v>
      </c>
      <c r="C20" s="2" t="s">
        <v>117</v>
      </c>
      <c r="D20" s="2" t="s">
        <v>118</v>
      </c>
      <c r="E20" s="2" t="s">
        <v>113</v>
      </c>
      <c r="F20" s="2" t="s">
        <v>119</v>
      </c>
      <c r="G20" s="3">
        <v>2</v>
      </c>
      <c r="H20" s="2" t="s">
        <v>55</v>
      </c>
      <c r="I20" s="3">
        <v>2019</v>
      </c>
      <c r="J20" s="2" t="s">
        <v>20</v>
      </c>
      <c r="K20" s="2"/>
      <c r="L20" s="2" t="s">
        <v>120</v>
      </c>
    </row>
    <row r="21" spans="1:12" ht="15.2" customHeight="1">
      <c r="A21" s="2" t="s">
        <v>13</v>
      </c>
      <c r="B21" s="2" t="s">
        <v>121</v>
      </c>
      <c r="C21" s="2" t="s">
        <v>122</v>
      </c>
      <c r="D21" s="2" t="s">
        <v>123</v>
      </c>
      <c r="E21" s="2" t="s">
        <v>113</v>
      </c>
      <c r="F21" s="2" t="s">
        <v>124</v>
      </c>
      <c r="G21" s="3">
        <v>3</v>
      </c>
      <c r="H21" s="2" t="s">
        <v>108</v>
      </c>
      <c r="I21" s="3">
        <v>2019</v>
      </c>
      <c r="J21" s="2" t="s">
        <v>20</v>
      </c>
      <c r="K21" s="2"/>
      <c r="L21" s="2" t="s">
        <v>125</v>
      </c>
    </row>
    <row r="22" spans="1:12" ht="15.2" customHeight="1">
      <c r="A22" s="2" t="s">
        <v>13</v>
      </c>
      <c r="B22" s="2" t="s">
        <v>126</v>
      </c>
      <c r="C22" s="2" t="s">
        <v>127</v>
      </c>
      <c r="D22" s="2" t="s">
        <v>128</v>
      </c>
      <c r="E22" s="2" t="s">
        <v>84</v>
      </c>
      <c r="F22" s="2" t="s">
        <v>129</v>
      </c>
      <c r="G22" s="3">
        <v>8</v>
      </c>
      <c r="H22" s="2" t="s">
        <v>55</v>
      </c>
      <c r="I22" s="3">
        <v>2015</v>
      </c>
      <c r="J22" s="2" t="s">
        <v>101</v>
      </c>
      <c r="K22" s="2"/>
      <c r="L22" s="2" t="s">
        <v>130</v>
      </c>
    </row>
    <row r="23" spans="1:12" ht="15.2" customHeight="1">
      <c r="A23" s="2" t="s">
        <v>13</v>
      </c>
      <c r="B23" s="2" t="s">
        <v>131</v>
      </c>
      <c r="C23" s="2" t="s">
        <v>132</v>
      </c>
      <c r="D23" s="2" t="s">
        <v>133</v>
      </c>
      <c r="E23" s="2" t="s">
        <v>84</v>
      </c>
      <c r="F23" s="2" t="s">
        <v>134</v>
      </c>
      <c r="G23" s="3">
        <v>9</v>
      </c>
      <c r="H23" s="2" t="s">
        <v>55</v>
      </c>
      <c r="I23" s="3">
        <v>2015</v>
      </c>
      <c r="J23" s="2" t="s">
        <v>101</v>
      </c>
      <c r="K23" s="2"/>
      <c r="L23" s="2" t="s">
        <v>135</v>
      </c>
    </row>
    <row r="24" spans="1:12" ht="15.2" customHeight="1">
      <c r="A24" s="2" t="s">
        <v>13</v>
      </c>
      <c r="B24" s="2" t="s">
        <v>136</v>
      </c>
      <c r="C24" s="2" t="s">
        <v>137</v>
      </c>
      <c r="D24" s="2" t="s">
        <v>138</v>
      </c>
      <c r="E24" s="2" t="s">
        <v>84</v>
      </c>
      <c r="F24" s="2" t="s">
        <v>139</v>
      </c>
      <c r="G24" s="3">
        <v>10</v>
      </c>
      <c r="H24" s="2" t="s">
        <v>55</v>
      </c>
      <c r="I24" s="3">
        <v>2015</v>
      </c>
      <c r="J24" s="2" t="s">
        <v>101</v>
      </c>
      <c r="K24" s="2"/>
      <c r="L24" s="2" t="s">
        <v>140</v>
      </c>
    </row>
    <row r="25" spans="1:12" ht="15.2" customHeight="1">
      <c r="A25" s="2" t="s">
        <v>13</v>
      </c>
      <c r="B25" s="2" t="s">
        <v>141</v>
      </c>
      <c r="C25" s="2" t="s">
        <v>142</v>
      </c>
      <c r="D25" s="2" t="s">
        <v>143</v>
      </c>
      <c r="E25" s="2" t="s">
        <v>84</v>
      </c>
      <c r="F25" s="2" t="s">
        <v>144</v>
      </c>
      <c r="G25" s="3">
        <v>1</v>
      </c>
      <c r="H25" s="2" t="s">
        <v>145</v>
      </c>
      <c r="I25" s="3">
        <v>2009</v>
      </c>
      <c r="J25" s="2" t="s">
        <v>101</v>
      </c>
      <c r="K25" s="2"/>
      <c r="L25" s="2" t="s">
        <v>146</v>
      </c>
    </row>
    <row r="26" spans="1:12" ht="15.2" customHeight="1">
      <c r="A26" s="2" t="s">
        <v>13</v>
      </c>
      <c r="B26" s="2" t="s">
        <v>147</v>
      </c>
      <c r="C26" s="2" t="s">
        <v>148</v>
      </c>
      <c r="D26" s="2" t="s">
        <v>149</v>
      </c>
      <c r="E26" s="2" t="s">
        <v>84</v>
      </c>
      <c r="F26" s="2" t="s">
        <v>95</v>
      </c>
      <c r="G26" s="3">
        <v>5</v>
      </c>
      <c r="H26" s="2" t="s">
        <v>55</v>
      </c>
      <c r="I26" s="3">
        <v>2015</v>
      </c>
      <c r="J26" s="2" t="s">
        <v>101</v>
      </c>
      <c r="K26" s="2"/>
      <c r="L26" s="2" t="s">
        <v>150</v>
      </c>
    </row>
    <row r="27" spans="1:12" ht="15.2" customHeight="1">
      <c r="A27" s="2" t="s">
        <v>13</v>
      </c>
      <c r="B27" s="2" t="s">
        <v>151</v>
      </c>
      <c r="C27" s="2" t="s">
        <v>152</v>
      </c>
      <c r="D27" s="2" t="s">
        <v>153</v>
      </c>
      <c r="E27" s="2" t="s">
        <v>84</v>
      </c>
      <c r="F27" s="2" t="s">
        <v>154</v>
      </c>
      <c r="G27" s="3">
        <v>6</v>
      </c>
      <c r="H27" s="2" t="s">
        <v>55</v>
      </c>
      <c r="I27" s="3">
        <v>2015</v>
      </c>
      <c r="J27" s="2" t="s">
        <v>101</v>
      </c>
      <c r="K27" s="2"/>
      <c r="L27" s="2" t="s">
        <v>155</v>
      </c>
    </row>
    <row r="28" spans="1:12" ht="15.2" customHeight="1">
      <c r="A28" s="2" t="s">
        <v>13</v>
      </c>
      <c r="B28" s="2" t="s">
        <v>156</v>
      </c>
      <c r="C28" s="2" t="s">
        <v>157</v>
      </c>
      <c r="D28" s="2" t="s">
        <v>158</v>
      </c>
      <c r="E28" s="2" t="s">
        <v>84</v>
      </c>
      <c r="F28" s="2" t="s">
        <v>159</v>
      </c>
      <c r="G28" s="3">
        <v>7</v>
      </c>
      <c r="H28" s="2" t="s">
        <v>55</v>
      </c>
      <c r="I28" s="3">
        <v>2015</v>
      </c>
      <c r="J28" s="2" t="s">
        <v>101</v>
      </c>
      <c r="K28" s="2"/>
      <c r="L28" s="2" t="s">
        <v>160</v>
      </c>
    </row>
    <row r="29" spans="1:12" ht="15.2" customHeight="1">
      <c r="A29" s="2" t="s">
        <v>13</v>
      </c>
      <c r="B29" s="2" t="s">
        <v>161</v>
      </c>
      <c r="C29" s="2" t="s">
        <v>162</v>
      </c>
      <c r="D29" s="2" t="s">
        <v>163</v>
      </c>
      <c r="E29" s="2" t="s">
        <v>84</v>
      </c>
      <c r="F29" s="2" t="s">
        <v>164</v>
      </c>
      <c r="G29" s="3">
        <v>6</v>
      </c>
      <c r="H29" s="2" t="s">
        <v>108</v>
      </c>
      <c r="I29" s="3">
        <v>2010</v>
      </c>
      <c r="J29" s="2" t="s">
        <v>101</v>
      </c>
      <c r="K29" s="2"/>
      <c r="L29" s="2" t="s">
        <v>165</v>
      </c>
    </row>
    <row r="30" spans="1:12" ht="15.2" customHeight="1">
      <c r="A30" s="2" t="s">
        <v>13</v>
      </c>
      <c r="B30" s="2" t="s">
        <v>166</v>
      </c>
      <c r="C30" s="2" t="s">
        <v>15</v>
      </c>
      <c r="D30" s="2" t="s">
        <v>16</v>
      </c>
      <c r="E30" s="2" t="s">
        <v>17</v>
      </c>
      <c r="F30" s="2" t="s">
        <v>18</v>
      </c>
      <c r="G30" s="3">
        <v>5</v>
      </c>
      <c r="H30" s="2" t="s">
        <v>19</v>
      </c>
      <c r="I30" s="3">
        <v>2014</v>
      </c>
      <c r="J30" s="2" t="s">
        <v>20</v>
      </c>
      <c r="K30" s="2"/>
      <c r="L30" s="2" t="s">
        <v>21</v>
      </c>
    </row>
    <row r="31" spans="1:12" ht="15.2" customHeight="1">
      <c r="A31" s="2" t="s">
        <v>13</v>
      </c>
      <c r="B31" s="2" t="s">
        <v>167</v>
      </c>
      <c r="C31" s="2" t="s">
        <v>23</v>
      </c>
      <c r="D31" s="2" t="s">
        <v>24</v>
      </c>
      <c r="E31" s="2" t="s">
        <v>17</v>
      </c>
      <c r="F31" s="2" t="s">
        <v>25</v>
      </c>
      <c r="G31" s="3">
        <v>6</v>
      </c>
      <c r="H31" s="2" t="s">
        <v>19</v>
      </c>
      <c r="I31" s="3">
        <v>2014</v>
      </c>
      <c r="J31" s="2" t="s">
        <v>20</v>
      </c>
      <c r="K31" s="2"/>
      <c r="L31" s="2" t="s">
        <v>26</v>
      </c>
    </row>
    <row r="32" spans="1:12" ht="15.2" customHeight="1">
      <c r="A32" s="2" t="s">
        <v>13</v>
      </c>
      <c r="B32" s="2" t="s">
        <v>168</v>
      </c>
      <c r="C32" s="2" t="s">
        <v>169</v>
      </c>
      <c r="D32" s="2" t="s">
        <v>170</v>
      </c>
      <c r="E32" s="2" t="s">
        <v>171</v>
      </c>
      <c r="F32" s="2" t="s">
        <v>172</v>
      </c>
      <c r="G32" s="3">
        <v>10</v>
      </c>
      <c r="H32" s="2" t="s">
        <v>173</v>
      </c>
      <c r="I32" s="3">
        <v>2020</v>
      </c>
      <c r="J32" s="2" t="s">
        <v>33</v>
      </c>
      <c r="K32" s="2"/>
      <c r="L32" s="2" t="s">
        <v>174</v>
      </c>
    </row>
    <row r="33" spans="1:12" ht="15.2" customHeight="1">
      <c r="A33" s="2" t="s">
        <v>13</v>
      </c>
      <c r="B33" s="2" t="s">
        <v>175</v>
      </c>
      <c r="C33" s="2" t="s">
        <v>176</v>
      </c>
      <c r="D33" s="2" t="s">
        <v>177</v>
      </c>
      <c r="E33" s="2" t="s">
        <v>171</v>
      </c>
      <c r="F33" s="2" t="s">
        <v>178</v>
      </c>
      <c r="G33" s="3">
        <v>9</v>
      </c>
      <c r="H33" s="2" t="s">
        <v>173</v>
      </c>
      <c r="I33" s="3">
        <v>2020</v>
      </c>
      <c r="J33" s="2" t="s">
        <v>33</v>
      </c>
      <c r="K33" s="2"/>
      <c r="L33" s="2" t="s">
        <v>179</v>
      </c>
    </row>
    <row r="34" spans="1:12" ht="15.2" customHeight="1">
      <c r="A34" s="2" t="s">
        <v>13</v>
      </c>
      <c r="B34" s="2" t="s">
        <v>180</v>
      </c>
      <c r="C34" s="2" t="s">
        <v>58</v>
      </c>
      <c r="D34" s="2" t="s">
        <v>59</v>
      </c>
      <c r="E34" s="2" t="s">
        <v>60</v>
      </c>
      <c r="F34" s="2" t="s">
        <v>61</v>
      </c>
      <c r="G34" s="3">
        <v>1</v>
      </c>
      <c r="H34" s="2" t="s">
        <v>62</v>
      </c>
      <c r="I34" s="3">
        <v>2019</v>
      </c>
      <c r="J34" s="2" t="s">
        <v>63</v>
      </c>
      <c r="K34" s="2"/>
      <c r="L34" s="2" t="s">
        <v>64</v>
      </c>
    </row>
    <row r="35" spans="1:12" ht="15.2" customHeight="1">
      <c r="A35" s="2" t="s">
        <v>181</v>
      </c>
      <c r="B35" s="2" t="s">
        <v>14</v>
      </c>
      <c r="C35" s="2" t="s">
        <v>182</v>
      </c>
      <c r="D35" s="2" t="s">
        <v>183</v>
      </c>
      <c r="E35" s="2" t="s">
        <v>17</v>
      </c>
      <c r="F35" s="2" t="s">
        <v>184</v>
      </c>
      <c r="G35" s="3">
        <v>7</v>
      </c>
      <c r="H35" s="2" t="s">
        <v>19</v>
      </c>
      <c r="I35" s="3">
        <v>2014</v>
      </c>
      <c r="J35" s="2" t="s">
        <v>20</v>
      </c>
      <c r="K35" s="2"/>
      <c r="L35" s="2" t="s">
        <v>185</v>
      </c>
    </row>
    <row r="36" spans="1:12" ht="15.2" customHeight="1">
      <c r="A36" s="2" t="s">
        <v>181</v>
      </c>
      <c r="B36" s="2" t="s">
        <v>22</v>
      </c>
      <c r="C36" s="2" t="s">
        <v>186</v>
      </c>
      <c r="D36" s="2" t="s">
        <v>187</v>
      </c>
      <c r="E36" s="2" t="s">
        <v>17</v>
      </c>
      <c r="F36" s="2" t="s">
        <v>188</v>
      </c>
      <c r="G36" s="3">
        <v>8</v>
      </c>
      <c r="H36" s="2" t="s">
        <v>19</v>
      </c>
      <c r="I36" s="3">
        <v>2014</v>
      </c>
      <c r="J36" s="2" t="s">
        <v>20</v>
      </c>
      <c r="K36" s="2"/>
      <c r="L36" s="2" t="s">
        <v>189</v>
      </c>
    </row>
    <row r="37" spans="1:12" ht="15.2" customHeight="1">
      <c r="A37" s="2" t="s">
        <v>181</v>
      </c>
      <c r="B37" s="2" t="s">
        <v>27</v>
      </c>
      <c r="C37" s="2" t="s">
        <v>190</v>
      </c>
      <c r="D37" s="2" t="s">
        <v>191</v>
      </c>
      <c r="E37" s="2" t="s">
        <v>192</v>
      </c>
      <c r="F37" s="2" t="s">
        <v>193</v>
      </c>
      <c r="G37" s="3">
        <v>2</v>
      </c>
      <c r="H37" s="2" t="s">
        <v>55</v>
      </c>
      <c r="I37" s="3">
        <v>2016</v>
      </c>
      <c r="J37" s="2" t="s">
        <v>20</v>
      </c>
      <c r="K37" s="2"/>
      <c r="L37" s="2" t="s">
        <v>194</v>
      </c>
    </row>
    <row r="38" spans="1:12" ht="15.2" customHeight="1">
      <c r="A38" s="2" t="s">
        <v>181</v>
      </c>
      <c r="B38" s="2" t="s">
        <v>40</v>
      </c>
      <c r="C38" s="2" t="s">
        <v>195</v>
      </c>
      <c r="D38" s="2" t="s">
        <v>196</v>
      </c>
      <c r="E38" s="2" t="s">
        <v>192</v>
      </c>
      <c r="F38" s="2" t="s">
        <v>197</v>
      </c>
      <c r="G38" s="3">
        <v>5</v>
      </c>
      <c r="H38" s="2" t="s">
        <v>55</v>
      </c>
      <c r="I38" s="3">
        <v>2016</v>
      </c>
      <c r="J38" s="2" t="s">
        <v>20</v>
      </c>
      <c r="K38" s="2"/>
      <c r="L38" s="2" t="s">
        <v>198</v>
      </c>
    </row>
    <row r="39" spans="1:12" ht="15.2" customHeight="1">
      <c r="A39" s="2" t="s">
        <v>181</v>
      </c>
      <c r="B39" s="2" t="s">
        <v>50</v>
      </c>
      <c r="C39" s="2" t="s">
        <v>199</v>
      </c>
      <c r="D39" s="2" t="s">
        <v>200</v>
      </c>
      <c r="E39" s="2" t="s">
        <v>192</v>
      </c>
      <c r="F39" s="2" t="s">
        <v>201</v>
      </c>
      <c r="G39" s="3">
        <v>6</v>
      </c>
      <c r="H39" s="2" t="s">
        <v>55</v>
      </c>
      <c r="I39" s="3">
        <v>2016</v>
      </c>
      <c r="J39" s="2" t="s">
        <v>20</v>
      </c>
      <c r="K39" s="2"/>
      <c r="L39" s="2" t="s">
        <v>202</v>
      </c>
    </row>
    <row r="40" spans="1:12" ht="15.2" customHeight="1">
      <c r="A40" s="2" t="s">
        <v>181</v>
      </c>
      <c r="B40" s="2" t="s">
        <v>57</v>
      </c>
      <c r="C40" s="2" t="s">
        <v>203</v>
      </c>
      <c r="D40" s="2" t="s">
        <v>204</v>
      </c>
      <c r="E40" s="2" t="s">
        <v>205</v>
      </c>
      <c r="F40" s="2" t="s">
        <v>205</v>
      </c>
      <c r="G40" s="3">
        <v>1</v>
      </c>
      <c r="H40" s="2" t="s">
        <v>55</v>
      </c>
      <c r="I40" s="3">
        <v>2018</v>
      </c>
      <c r="J40" s="2" t="s">
        <v>20</v>
      </c>
      <c r="K40" s="2"/>
      <c r="L40" s="2" t="s">
        <v>206</v>
      </c>
    </row>
    <row r="41" spans="1:12" ht="15.2" customHeight="1">
      <c r="A41" s="2" t="s">
        <v>181</v>
      </c>
      <c r="B41" s="2" t="s">
        <v>65</v>
      </c>
      <c r="C41" s="2" t="s">
        <v>207</v>
      </c>
      <c r="D41" s="2" t="s">
        <v>208</v>
      </c>
      <c r="E41" s="2" t="s">
        <v>209</v>
      </c>
      <c r="F41" s="2" t="s">
        <v>210</v>
      </c>
      <c r="G41" s="3">
        <v>1</v>
      </c>
      <c r="H41" s="2" t="s">
        <v>55</v>
      </c>
      <c r="I41" s="3">
        <v>2016</v>
      </c>
      <c r="J41" s="2" t="s">
        <v>33</v>
      </c>
      <c r="K41" s="2"/>
      <c r="L41" s="2" t="s">
        <v>211</v>
      </c>
    </row>
    <row r="42" spans="1:12" ht="15.2" customHeight="1">
      <c r="A42" s="2" t="s">
        <v>181</v>
      </c>
      <c r="B42" s="2" t="s">
        <v>70</v>
      </c>
      <c r="C42" s="2" t="s">
        <v>212</v>
      </c>
      <c r="D42" s="2" t="s">
        <v>213</v>
      </c>
      <c r="E42" s="2" t="s">
        <v>214</v>
      </c>
      <c r="F42" s="2" t="s">
        <v>215</v>
      </c>
      <c r="G42" s="3">
        <v>1</v>
      </c>
      <c r="H42" s="2" t="s">
        <v>145</v>
      </c>
      <c r="I42" s="3">
        <v>2017</v>
      </c>
      <c r="J42" s="2" t="s">
        <v>20</v>
      </c>
      <c r="K42" s="2"/>
      <c r="L42" s="2" t="s">
        <v>216</v>
      </c>
    </row>
    <row r="43" spans="1:12" ht="15.2" customHeight="1">
      <c r="A43" s="2" t="s">
        <v>181</v>
      </c>
      <c r="B43" s="2" t="s">
        <v>76</v>
      </c>
      <c r="C43" s="2" t="s">
        <v>217</v>
      </c>
      <c r="D43" s="2" t="s">
        <v>218</v>
      </c>
      <c r="E43" s="2" t="s">
        <v>219</v>
      </c>
      <c r="F43" s="2" t="s">
        <v>220</v>
      </c>
      <c r="G43" s="3">
        <v>1</v>
      </c>
      <c r="H43" s="2" t="s">
        <v>55</v>
      </c>
      <c r="I43" s="3">
        <v>2019</v>
      </c>
      <c r="J43" s="2" t="s">
        <v>20</v>
      </c>
      <c r="K43" s="2"/>
      <c r="L43" s="2" t="s">
        <v>221</v>
      </c>
    </row>
    <row r="44" spans="1:12" ht="15.2" customHeight="1">
      <c r="A44" s="2" t="s">
        <v>181</v>
      </c>
      <c r="B44" s="2" t="s">
        <v>81</v>
      </c>
      <c r="C44" s="2" t="s">
        <v>169</v>
      </c>
      <c r="D44" s="2" t="s">
        <v>170</v>
      </c>
      <c r="E44" s="2" t="s">
        <v>171</v>
      </c>
      <c r="F44" s="2" t="s">
        <v>172</v>
      </c>
      <c r="G44" s="3">
        <v>10</v>
      </c>
      <c r="H44" s="2" t="s">
        <v>173</v>
      </c>
      <c r="I44" s="3">
        <v>2020</v>
      </c>
      <c r="J44" s="2" t="s">
        <v>33</v>
      </c>
      <c r="K44" s="2"/>
      <c r="L44" s="2" t="s">
        <v>174</v>
      </c>
    </row>
    <row r="45" spans="1:12" ht="15.2" customHeight="1">
      <c r="A45" s="2" t="s">
        <v>181</v>
      </c>
      <c r="B45" s="2" t="s">
        <v>87</v>
      </c>
      <c r="C45" s="2" t="s">
        <v>176</v>
      </c>
      <c r="D45" s="2" t="s">
        <v>177</v>
      </c>
      <c r="E45" s="2" t="s">
        <v>171</v>
      </c>
      <c r="F45" s="2" t="s">
        <v>178</v>
      </c>
      <c r="G45" s="3">
        <v>9</v>
      </c>
      <c r="H45" s="2" t="s">
        <v>173</v>
      </c>
      <c r="I45" s="3">
        <v>2020</v>
      </c>
      <c r="J45" s="2" t="s">
        <v>33</v>
      </c>
      <c r="K45" s="2"/>
      <c r="L45" s="2" t="s">
        <v>179</v>
      </c>
    </row>
    <row r="46" spans="1:12" ht="15.2" customHeight="1">
      <c r="A46" s="2" t="s">
        <v>181</v>
      </c>
      <c r="B46" s="2" t="s">
        <v>92</v>
      </c>
      <c r="C46" s="2" t="s">
        <v>222</v>
      </c>
      <c r="D46" s="2" t="s">
        <v>223</v>
      </c>
      <c r="E46" s="2" t="s">
        <v>171</v>
      </c>
      <c r="F46" s="2" t="s">
        <v>224</v>
      </c>
      <c r="G46" s="3">
        <v>6</v>
      </c>
      <c r="H46" s="2" t="s">
        <v>145</v>
      </c>
      <c r="I46" s="3">
        <v>2019</v>
      </c>
      <c r="J46" s="2" t="s">
        <v>33</v>
      </c>
      <c r="K46" s="2"/>
      <c r="L46" s="2" t="s">
        <v>225</v>
      </c>
    </row>
    <row r="47" spans="1:12" ht="15.2" customHeight="1">
      <c r="A47" s="2" t="s">
        <v>181</v>
      </c>
      <c r="B47" s="2" t="s">
        <v>97</v>
      </c>
      <c r="C47" s="2" t="s">
        <v>226</v>
      </c>
      <c r="D47" s="2" t="s">
        <v>227</v>
      </c>
      <c r="E47" s="2" t="s">
        <v>171</v>
      </c>
      <c r="F47" s="2" t="s">
        <v>228</v>
      </c>
      <c r="G47" s="3">
        <v>2</v>
      </c>
      <c r="H47" s="2" t="s">
        <v>145</v>
      </c>
      <c r="I47" s="3">
        <v>2019</v>
      </c>
      <c r="J47" s="2" t="s">
        <v>33</v>
      </c>
      <c r="K47" s="2"/>
      <c r="L47" s="2" t="s">
        <v>229</v>
      </c>
    </row>
    <row r="48" spans="1:12" ht="15.2" customHeight="1">
      <c r="A48" s="2" t="s">
        <v>181</v>
      </c>
      <c r="B48" s="2" t="s">
        <v>103</v>
      </c>
      <c r="C48" s="2" t="s">
        <v>230</v>
      </c>
      <c r="D48" s="2" t="s">
        <v>231</v>
      </c>
      <c r="E48" s="2" t="s">
        <v>232</v>
      </c>
      <c r="F48" s="2" t="s">
        <v>233</v>
      </c>
      <c r="G48" s="3">
        <v>3</v>
      </c>
      <c r="H48" s="2" t="s">
        <v>173</v>
      </c>
      <c r="I48" s="3">
        <v>2020</v>
      </c>
      <c r="J48" s="2" t="s">
        <v>20</v>
      </c>
      <c r="K48" s="2"/>
      <c r="L48" s="2" t="s">
        <v>234</v>
      </c>
    </row>
    <row r="49" spans="1:12" ht="15.2" customHeight="1">
      <c r="A49" s="2" t="s">
        <v>181</v>
      </c>
      <c r="B49" s="2" t="s">
        <v>110</v>
      </c>
      <c r="C49" s="2" t="s">
        <v>235</v>
      </c>
      <c r="D49" s="2" t="s">
        <v>236</v>
      </c>
      <c r="E49" s="2" t="s">
        <v>232</v>
      </c>
      <c r="F49" s="2" t="s">
        <v>237</v>
      </c>
      <c r="G49" s="3">
        <v>4</v>
      </c>
      <c r="H49" s="2" t="s">
        <v>173</v>
      </c>
      <c r="I49" s="3">
        <v>2020</v>
      </c>
      <c r="J49" s="2" t="s">
        <v>20</v>
      </c>
      <c r="K49" s="2"/>
      <c r="L49" s="2" t="s">
        <v>238</v>
      </c>
    </row>
    <row r="50" spans="1:12" ht="15.2" customHeight="1">
      <c r="A50" s="2" t="s">
        <v>181</v>
      </c>
      <c r="B50" s="2" t="s">
        <v>116</v>
      </c>
      <c r="C50" s="2" t="s">
        <v>239</v>
      </c>
      <c r="D50" s="2" t="s">
        <v>240</v>
      </c>
      <c r="E50" s="2" t="s">
        <v>232</v>
      </c>
      <c r="F50" s="2" t="s">
        <v>241</v>
      </c>
      <c r="G50" s="3">
        <v>3</v>
      </c>
      <c r="H50" s="2" t="s">
        <v>108</v>
      </c>
      <c r="I50" s="3">
        <v>2019</v>
      </c>
      <c r="J50" s="2" t="s">
        <v>242</v>
      </c>
      <c r="K50" s="2"/>
      <c r="L50" s="2" t="s">
        <v>243</v>
      </c>
    </row>
    <row r="51" spans="1:12" ht="15.2" customHeight="1">
      <c r="A51" s="2" t="s">
        <v>181</v>
      </c>
      <c r="B51" s="2" t="s">
        <v>121</v>
      </c>
      <c r="C51" s="2" t="s">
        <v>244</v>
      </c>
      <c r="D51" s="2" t="s">
        <v>245</v>
      </c>
      <c r="E51" s="2" t="s">
        <v>232</v>
      </c>
      <c r="F51" s="2" t="s">
        <v>246</v>
      </c>
      <c r="G51" s="3">
        <v>4</v>
      </c>
      <c r="H51" s="2" t="s">
        <v>55</v>
      </c>
      <c r="I51" s="3">
        <v>2019</v>
      </c>
      <c r="J51" s="2" t="s">
        <v>242</v>
      </c>
      <c r="K51" s="2"/>
      <c r="L51" s="2" t="s">
        <v>247</v>
      </c>
    </row>
    <row r="52" spans="1:12" ht="15.2" customHeight="1">
      <c r="A52" s="2" t="s">
        <v>181</v>
      </c>
      <c r="B52" s="2" t="s">
        <v>126</v>
      </c>
      <c r="C52" s="2" t="s">
        <v>248</v>
      </c>
      <c r="D52" s="2" t="s">
        <v>249</v>
      </c>
      <c r="E52" s="2" t="s">
        <v>250</v>
      </c>
      <c r="F52" s="2" t="s">
        <v>250</v>
      </c>
      <c r="G52" s="3">
        <v>1</v>
      </c>
      <c r="H52" s="2" t="s">
        <v>251</v>
      </c>
      <c r="I52" s="3">
        <v>2011</v>
      </c>
      <c r="J52" s="2" t="s">
        <v>33</v>
      </c>
      <c r="K52" s="2"/>
      <c r="L52" s="2" t="s">
        <v>252</v>
      </c>
    </row>
    <row r="53" spans="1:12" ht="15.2" customHeight="1">
      <c r="A53" s="2" t="s">
        <v>181</v>
      </c>
      <c r="B53" s="2" t="s">
        <v>136</v>
      </c>
      <c r="C53" s="2" t="s">
        <v>253</v>
      </c>
      <c r="D53" s="2" t="s">
        <v>254</v>
      </c>
      <c r="E53" s="2" t="s">
        <v>255</v>
      </c>
      <c r="F53" s="2" t="s">
        <v>256</v>
      </c>
      <c r="G53" s="3">
        <v>1</v>
      </c>
      <c r="H53" s="2" t="s">
        <v>251</v>
      </c>
      <c r="I53" s="3">
        <v>2011</v>
      </c>
      <c r="J53" s="2" t="s">
        <v>20</v>
      </c>
      <c r="K53" s="2"/>
      <c r="L53" s="2" t="s">
        <v>257</v>
      </c>
    </row>
    <row r="54" spans="1:12" ht="15.2" customHeight="1">
      <c r="A54" s="2" t="s">
        <v>181</v>
      </c>
      <c r="B54" s="2" t="s">
        <v>147</v>
      </c>
      <c r="C54" s="2" t="s">
        <v>203</v>
      </c>
      <c r="D54" s="2" t="s">
        <v>204</v>
      </c>
      <c r="E54" s="2" t="s">
        <v>205</v>
      </c>
      <c r="F54" s="2" t="s">
        <v>205</v>
      </c>
      <c r="G54" s="3">
        <v>1</v>
      </c>
      <c r="H54" s="2" t="s">
        <v>55</v>
      </c>
      <c r="I54" s="3">
        <v>2018</v>
      </c>
      <c r="J54" s="2" t="s">
        <v>20</v>
      </c>
      <c r="K54" s="2"/>
      <c r="L54" s="2" t="s">
        <v>206</v>
      </c>
    </row>
    <row r="55" spans="1:12" ht="15.2" customHeight="1">
      <c r="A55" s="2" t="s">
        <v>181</v>
      </c>
      <c r="B55" s="2" t="s">
        <v>151</v>
      </c>
      <c r="C55" s="2" t="s">
        <v>207</v>
      </c>
      <c r="D55" s="2" t="s">
        <v>208</v>
      </c>
      <c r="E55" s="2" t="s">
        <v>209</v>
      </c>
      <c r="F55" s="2" t="s">
        <v>210</v>
      </c>
      <c r="G55" s="3">
        <v>1</v>
      </c>
      <c r="H55" s="2" t="s">
        <v>55</v>
      </c>
      <c r="I55" s="3">
        <v>2016</v>
      </c>
      <c r="J55" s="2" t="s">
        <v>33</v>
      </c>
      <c r="K55" s="2"/>
      <c r="L55" s="2" t="s">
        <v>211</v>
      </c>
    </row>
    <row r="56" spans="1:12" ht="15.2" customHeight="1">
      <c r="A56" s="2" t="s">
        <v>181</v>
      </c>
      <c r="B56" s="2" t="s">
        <v>156</v>
      </c>
      <c r="C56" s="2" t="s">
        <v>212</v>
      </c>
      <c r="D56" s="2" t="s">
        <v>213</v>
      </c>
      <c r="E56" s="2" t="s">
        <v>214</v>
      </c>
      <c r="F56" s="2" t="s">
        <v>215</v>
      </c>
      <c r="G56" s="3">
        <v>1</v>
      </c>
      <c r="H56" s="2" t="s">
        <v>145</v>
      </c>
      <c r="I56" s="3">
        <v>2017</v>
      </c>
      <c r="J56" s="2" t="s">
        <v>20</v>
      </c>
      <c r="K56" s="2"/>
      <c r="L56" s="2" t="s">
        <v>216</v>
      </c>
    </row>
    <row r="57" spans="1:12" ht="15.2" customHeight="1">
      <c r="A57" s="2" t="s">
        <v>181</v>
      </c>
      <c r="B57" s="2" t="s">
        <v>161</v>
      </c>
      <c r="C57" s="2" t="s">
        <v>217</v>
      </c>
      <c r="D57" s="2" t="s">
        <v>218</v>
      </c>
      <c r="E57" s="2" t="s">
        <v>219</v>
      </c>
      <c r="F57" s="2" t="s">
        <v>220</v>
      </c>
      <c r="G57" s="3">
        <v>1</v>
      </c>
      <c r="H57" s="2" t="s">
        <v>55</v>
      </c>
      <c r="I57" s="3">
        <v>2019</v>
      </c>
      <c r="J57" s="2" t="s">
        <v>20</v>
      </c>
      <c r="K57" s="2"/>
      <c r="L57" s="2" t="s">
        <v>221</v>
      </c>
    </row>
    <row r="58" spans="1:12" ht="15.2" customHeight="1">
      <c r="A58" s="2" t="s">
        <v>181</v>
      </c>
      <c r="B58" s="2" t="s">
        <v>166</v>
      </c>
      <c r="C58" s="2" t="s">
        <v>182</v>
      </c>
      <c r="D58" s="2" t="s">
        <v>183</v>
      </c>
      <c r="E58" s="2" t="s">
        <v>17</v>
      </c>
      <c r="F58" s="2" t="s">
        <v>184</v>
      </c>
      <c r="G58" s="3">
        <v>7</v>
      </c>
      <c r="H58" s="2" t="s">
        <v>19</v>
      </c>
      <c r="I58" s="3">
        <v>2014</v>
      </c>
      <c r="J58" s="2" t="s">
        <v>20</v>
      </c>
      <c r="K58" s="2"/>
      <c r="L58" s="2" t="s">
        <v>185</v>
      </c>
    </row>
    <row r="59" spans="1:12" ht="15.2" customHeight="1">
      <c r="A59" s="2" t="s">
        <v>181</v>
      </c>
      <c r="B59" s="2" t="s">
        <v>167</v>
      </c>
      <c r="C59" s="2" t="s">
        <v>186</v>
      </c>
      <c r="D59" s="2" t="s">
        <v>187</v>
      </c>
      <c r="E59" s="2" t="s">
        <v>17</v>
      </c>
      <c r="F59" s="2" t="s">
        <v>188</v>
      </c>
      <c r="G59" s="3">
        <v>8</v>
      </c>
      <c r="H59" s="2" t="s">
        <v>19</v>
      </c>
      <c r="I59" s="3">
        <v>2014</v>
      </c>
      <c r="J59" s="2" t="s">
        <v>20</v>
      </c>
      <c r="K59" s="2"/>
      <c r="L59" s="2" t="s">
        <v>189</v>
      </c>
    </row>
    <row r="60" spans="1:12" ht="15.2" customHeight="1">
      <c r="A60" s="2" t="s">
        <v>181</v>
      </c>
      <c r="B60" s="2" t="s">
        <v>168</v>
      </c>
      <c r="C60" s="2" t="s">
        <v>82</v>
      </c>
      <c r="D60" s="2" t="s">
        <v>83</v>
      </c>
      <c r="E60" s="2" t="s">
        <v>84</v>
      </c>
      <c r="F60" s="2" t="s">
        <v>85</v>
      </c>
      <c r="G60" s="3">
        <v>4</v>
      </c>
      <c r="H60" s="2" t="s">
        <v>55</v>
      </c>
      <c r="I60" s="3">
        <v>2018</v>
      </c>
      <c r="J60" s="2" t="s">
        <v>20</v>
      </c>
      <c r="K60" s="2"/>
      <c r="L60" s="2" t="s">
        <v>86</v>
      </c>
    </row>
    <row r="61" spans="1:12" ht="15.2" customHeight="1">
      <c r="A61" s="2" t="s">
        <v>181</v>
      </c>
      <c r="B61" s="2" t="s">
        <v>175</v>
      </c>
      <c r="C61" s="2" t="s">
        <v>88</v>
      </c>
      <c r="D61" s="2" t="s">
        <v>89</v>
      </c>
      <c r="E61" s="2" t="s">
        <v>84</v>
      </c>
      <c r="F61" s="2" t="s">
        <v>90</v>
      </c>
      <c r="G61" s="3">
        <v>5</v>
      </c>
      <c r="H61" s="2" t="s">
        <v>55</v>
      </c>
      <c r="I61" s="3">
        <v>2018</v>
      </c>
      <c r="J61" s="2" t="s">
        <v>20</v>
      </c>
      <c r="K61" s="2"/>
      <c r="L61" s="2" t="s">
        <v>91</v>
      </c>
    </row>
    <row r="62" spans="1:12" ht="15.2" customHeight="1">
      <c r="A62" s="2" t="s">
        <v>181</v>
      </c>
      <c r="B62" s="2" t="s">
        <v>180</v>
      </c>
      <c r="C62" s="2" t="s">
        <v>71</v>
      </c>
      <c r="D62" s="2" t="s">
        <v>72</v>
      </c>
      <c r="E62" s="2" t="s">
        <v>73</v>
      </c>
      <c r="F62" s="2" t="s">
        <v>74</v>
      </c>
      <c r="G62" s="3">
        <v>1</v>
      </c>
      <c r="H62" s="2" t="s">
        <v>55</v>
      </c>
      <c r="I62" s="3">
        <v>2018</v>
      </c>
      <c r="J62" s="2" t="s">
        <v>33</v>
      </c>
      <c r="K62" s="2"/>
      <c r="L62" s="2" t="s">
        <v>75</v>
      </c>
    </row>
    <row r="63" spans="1:12" ht="15.2" customHeight="1">
      <c r="A63" s="2" t="s">
        <v>258</v>
      </c>
      <c r="B63" s="2" t="s">
        <v>14</v>
      </c>
      <c r="C63" s="2" t="s">
        <v>259</v>
      </c>
      <c r="D63" s="2" t="s">
        <v>260</v>
      </c>
      <c r="E63" s="2" t="s">
        <v>261</v>
      </c>
      <c r="F63" s="2" t="s">
        <v>262</v>
      </c>
      <c r="G63" s="3">
        <v>7</v>
      </c>
      <c r="H63" s="2" t="s">
        <v>19</v>
      </c>
      <c r="I63" s="3">
        <v>2018</v>
      </c>
      <c r="J63" s="2" t="s">
        <v>33</v>
      </c>
      <c r="K63" s="2"/>
      <c r="L63" s="2" t="s">
        <v>263</v>
      </c>
    </row>
    <row r="64" spans="1:12" ht="15.2" customHeight="1">
      <c r="A64" s="2" t="s">
        <v>258</v>
      </c>
      <c r="B64" s="2" t="s">
        <v>22</v>
      </c>
      <c r="C64" s="2" t="s">
        <v>264</v>
      </c>
      <c r="D64" s="2" t="s">
        <v>265</v>
      </c>
      <c r="E64" s="2" t="s">
        <v>261</v>
      </c>
      <c r="F64" s="2" t="s">
        <v>266</v>
      </c>
      <c r="G64" s="3">
        <v>8</v>
      </c>
      <c r="H64" s="2" t="s">
        <v>19</v>
      </c>
      <c r="I64" s="3">
        <v>2018</v>
      </c>
      <c r="J64" s="2" t="s">
        <v>33</v>
      </c>
      <c r="K64" s="2"/>
      <c r="L64" s="2" t="s">
        <v>267</v>
      </c>
    </row>
    <row r="65" spans="1:12" ht="15.2" customHeight="1">
      <c r="A65" s="2" t="s">
        <v>258</v>
      </c>
      <c r="B65" s="2" t="s">
        <v>27</v>
      </c>
      <c r="C65" s="2" t="s">
        <v>268</v>
      </c>
      <c r="D65" s="2" t="s">
        <v>269</v>
      </c>
      <c r="E65" s="2" t="s">
        <v>270</v>
      </c>
      <c r="F65" s="2" t="s">
        <v>271</v>
      </c>
      <c r="G65" s="3">
        <v>10</v>
      </c>
      <c r="H65" s="2" t="s">
        <v>173</v>
      </c>
      <c r="I65" s="3">
        <v>2006</v>
      </c>
      <c r="J65" s="2" t="s">
        <v>33</v>
      </c>
      <c r="K65" s="2"/>
      <c r="L65" s="2" t="s">
        <v>272</v>
      </c>
    </row>
    <row r="66" spans="1:12" ht="15.2" customHeight="1">
      <c r="A66" s="2" t="s">
        <v>258</v>
      </c>
      <c r="B66" s="2" t="s">
        <v>40</v>
      </c>
      <c r="C66" s="2" t="s">
        <v>273</v>
      </c>
      <c r="D66" s="2" t="s">
        <v>274</v>
      </c>
      <c r="E66" s="2" t="s">
        <v>270</v>
      </c>
      <c r="F66" s="2" t="s">
        <v>275</v>
      </c>
      <c r="G66" s="3">
        <v>4</v>
      </c>
      <c r="H66" s="2" t="s">
        <v>173</v>
      </c>
      <c r="I66" s="3">
        <v>2006</v>
      </c>
      <c r="J66" s="2" t="s">
        <v>33</v>
      </c>
      <c r="K66" s="2"/>
      <c r="L66" s="2" t="s">
        <v>276</v>
      </c>
    </row>
    <row r="67" spans="1:12" ht="15.2" customHeight="1">
      <c r="A67" s="2" t="s">
        <v>258</v>
      </c>
      <c r="B67" s="2" t="s">
        <v>50</v>
      </c>
      <c r="C67" s="2" t="s">
        <v>277</v>
      </c>
      <c r="D67" s="2" t="s">
        <v>278</v>
      </c>
      <c r="E67" s="2" t="s">
        <v>279</v>
      </c>
      <c r="F67" s="2" t="s">
        <v>280</v>
      </c>
      <c r="G67" s="3">
        <v>3</v>
      </c>
      <c r="H67" s="2" t="s">
        <v>145</v>
      </c>
      <c r="I67" s="3">
        <v>2009</v>
      </c>
      <c r="J67" s="2" t="s">
        <v>20</v>
      </c>
      <c r="K67" s="2"/>
      <c r="L67" s="2" t="s">
        <v>281</v>
      </c>
    </row>
    <row r="68" spans="1:12" ht="15.2" customHeight="1">
      <c r="A68" s="2" t="s">
        <v>258</v>
      </c>
      <c r="B68" s="2" t="s">
        <v>57</v>
      </c>
      <c r="C68" s="2" t="s">
        <v>282</v>
      </c>
      <c r="D68" s="2" t="s">
        <v>283</v>
      </c>
      <c r="E68" s="2" t="s">
        <v>284</v>
      </c>
      <c r="F68" s="2" t="s">
        <v>285</v>
      </c>
      <c r="G68" s="3">
        <v>3</v>
      </c>
      <c r="H68" s="2" t="s">
        <v>108</v>
      </c>
      <c r="I68" s="3">
        <v>2011</v>
      </c>
      <c r="J68" s="2" t="s">
        <v>33</v>
      </c>
      <c r="K68" s="2"/>
      <c r="L68" s="2" t="s">
        <v>286</v>
      </c>
    </row>
    <row r="69" spans="1:12" ht="15.2" customHeight="1">
      <c r="A69" s="2" t="s">
        <v>258</v>
      </c>
      <c r="B69" s="2" t="s">
        <v>65</v>
      </c>
      <c r="C69" s="2" t="s">
        <v>287</v>
      </c>
      <c r="D69" s="2" t="s">
        <v>288</v>
      </c>
      <c r="E69" s="2" t="s">
        <v>289</v>
      </c>
      <c r="F69" s="2" t="s">
        <v>290</v>
      </c>
      <c r="G69" s="3">
        <v>2</v>
      </c>
      <c r="H69" s="2" t="s">
        <v>108</v>
      </c>
      <c r="I69" s="3">
        <v>2019</v>
      </c>
      <c r="J69" s="2" t="s">
        <v>20</v>
      </c>
      <c r="K69" s="2"/>
      <c r="L69" s="2" t="s">
        <v>291</v>
      </c>
    </row>
    <row r="70" spans="1:12" ht="15.2" customHeight="1">
      <c r="A70" s="2" t="s">
        <v>258</v>
      </c>
      <c r="B70" s="2" t="s">
        <v>70</v>
      </c>
      <c r="C70" s="2" t="s">
        <v>292</v>
      </c>
      <c r="D70" s="2" t="s">
        <v>293</v>
      </c>
      <c r="E70" s="2" t="s">
        <v>294</v>
      </c>
      <c r="F70" s="2" t="s">
        <v>295</v>
      </c>
      <c r="G70" s="3">
        <v>7</v>
      </c>
      <c r="H70" s="2" t="s">
        <v>108</v>
      </c>
      <c r="I70" s="3">
        <v>2013</v>
      </c>
      <c r="J70" s="2" t="s">
        <v>33</v>
      </c>
      <c r="K70" s="2"/>
      <c r="L70" s="2" t="s">
        <v>296</v>
      </c>
    </row>
    <row r="71" spans="1:12" ht="15.2" customHeight="1">
      <c r="A71" s="2" t="s">
        <v>258</v>
      </c>
      <c r="B71" s="2" t="s">
        <v>76</v>
      </c>
      <c r="C71" s="2" t="s">
        <v>297</v>
      </c>
      <c r="D71" s="2" t="s">
        <v>298</v>
      </c>
      <c r="E71" s="2" t="s">
        <v>299</v>
      </c>
      <c r="F71" s="2" t="s">
        <v>300</v>
      </c>
      <c r="G71" s="3">
        <v>6</v>
      </c>
      <c r="H71" s="2" t="s">
        <v>301</v>
      </c>
      <c r="I71" s="3">
        <v>2015</v>
      </c>
      <c r="J71" s="2" t="s">
        <v>20</v>
      </c>
      <c r="K71" s="2"/>
      <c r="L71" s="2" t="s">
        <v>302</v>
      </c>
    </row>
    <row r="72" spans="1:12" ht="15.2" customHeight="1">
      <c r="A72" s="2" t="s">
        <v>258</v>
      </c>
      <c r="B72" s="2" t="s">
        <v>81</v>
      </c>
      <c r="C72" s="2" t="s">
        <v>303</v>
      </c>
      <c r="D72" s="2" t="s">
        <v>304</v>
      </c>
      <c r="E72" s="2" t="s">
        <v>299</v>
      </c>
      <c r="F72" s="2" t="s">
        <v>305</v>
      </c>
      <c r="G72" s="3">
        <v>7</v>
      </c>
      <c r="H72" s="2" t="s">
        <v>55</v>
      </c>
      <c r="I72" s="3">
        <v>2015</v>
      </c>
      <c r="J72" s="2" t="s">
        <v>20</v>
      </c>
      <c r="K72" s="2"/>
      <c r="L72" s="2" t="s">
        <v>306</v>
      </c>
    </row>
    <row r="73" spans="1:12" ht="15.2" customHeight="1">
      <c r="A73" s="2" t="s">
        <v>258</v>
      </c>
      <c r="B73" s="2" t="s">
        <v>87</v>
      </c>
      <c r="C73" s="2" t="s">
        <v>307</v>
      </c>
      <c r="D73" s="2" t="s">
        <v>308</v>
      </c>
      <c r="E73" s="2" t="s">
        <v>299</v>
      </c>
      <c r="F73" s="2" t="s">
        <v>309</v>
      </c>
      <c r="G73" s="3">
        <v>8</v>
      </c>
      <c r="H73" s="2" t="s">
        <v>301</v>
      </c>
      <c r="I73" s="3">
        <v>2015</v>
      </c>
      <c r="J73" s="2" t="s">
        <v>20</v>
      </c>
      <c r="K73" s="2"/>
      <c r="L73" s="2" t="s">
        <v>310</v>
      </c>
    </row>
    <row r="74" spans="1:12" ht="15.2" customHeight="1">
      <c r="A74" s="2" t="s">
        <v>258</v>
      </c>
      <c r="B74" s="2" t="s">
        <v>92</v>
      </c>
      <c r="C74" s="2" t="s">
        <v>311</v>
      </c>
      <c r="D74" s="2" t="s">
        <v>312</v>
      </c>
      <c r="E74" s="2" t="s">
        <v>299</v>
      </c>
      <c r="F74" s="2" t="s">
        <v>313</v>
      </c>
      <c r="G74" s="3">
        <v>9</v>
      </c>
      <c r="H74" s="2" t="s">
        <v>55</v>
      </c>
      <c r="I74" s="3">
        <v>2015</v>
      </c>
      <c r="J74" s="2" t="s">
        <v>20</v>
      </c>
      <c r="K74" s="2"/>
      <c r="L74" s="2" t="s">
        <v>314</v>
      </c>
    </row>
    <row r="75" spans="1:12" ht="15.2" customHeight="1">
      <c r="A75" s="2" t="s">
        <v>258</v>
      </c>
      <c r="B75" s="2" t="s">
        <v>97</v>
      </c>
      <c r="C75" s="2" t="s">
        <v>315</v>
      </c>
      <c r="D75" s="2" t="s">
        <v>316</v>
      </c>
      <c r="E75" s="2" t="s">
        <v>299</v>
      </c>
      <c r="F75" s="2" t="s">
        <v>317</v>
      </c>
      <c r="G75" s="3">
        <v>10</v>
      </c>
      <c r="H75" s="2" t="s">
        <v>55</v>
      </c>
      <c r="I75" s="3">
        <v>2015</v>
      </c>
      <c r="J75" s="2" t="s">
        <v>20</v>
      </c>
      <c r="K75" s="2"/>
      <c r="L75" s="2" t="s">
        <v>318</v>
      </c>
    </row>
    <row r="76" spans="1:12" ht="15.2" customHeight="1">
      <c r="A76" s="2" t="s">
        <v>258</v>
      </c>
      <c r="B76" s="2" t="s">
        <v>103</v>
      </c>
      <c r="C76" s="2" t="s">
        <v>319</v>
      </c>
      <c r="D76" s="2" t="s">
        <v>320</v>
      </c>
      <c r="E76" s="2" t="s">
        <v>321</v>
      </c>
      <c r="F76" s="2" t="s">
        <v>322</v>
      </c>
      <c r="G76" s="3">
        <v>11</v>
      </c>
      <c r="H76" s="2" t="s">
        <v>301</v>
      </c>
      <c r="I76" s="3">
        <v>2020</v>
      </c>
      <c r="J76" s="2" t="s">
        <v>20</v>
      </c>
      <c r="K76" s="2"/>
      <c r="L76" s="2" t="s">
        <v>323</v>
      </c>
    </row>
    <row r="77" spans="1:12" ht="15.2" customHeight="1">
      <c r="A77" s="2" t="s">
        <v>258</v>
      </c>
      <c r="B77" s="2" t="s">
        <v>110</v>
      </c>
      <c r="C77" s="2" t="s">
        <v>324</v>
      </c>
      <c r="D77" s="2" t="s">
        <v>325</v>
      </c>
      <c r="E77" s="2" t="s">
        <v>321</v>
      </c>
      <c r="F77" s="2" t="s">
        <v>326</v>
      </c>
      <c r="G77" s="3">
        <v>12</v>
      </c>
      <c r="H77" s="2" t="s">
        <v>301</v>
      </c>
      <c r="I77" s="3">
        <v>2020</v>
      </c>
      <c r="J77" s="2" t="s">
        <v>20</v>
      </c>
      <c r="K77" s="2"/>
      <c r="L77" s="2" t="s">
        <v>327</v>
      </c>
    </row>
    <row r="78" spans="1:12" ht="15.2" customHeight="1">
      <c r="A78" s="2" t="s">
        <v>258</v>
      </c>
      <c r="B78" s="2" t="s">
        <v>116</v>
      </c>
      <c r="C78" s="2" t="s">
        <v>328</v>
      </c>
      <c r="D78" s="2" t="s">
        <v>329</v>
      </c>
      <c r="E78" s="2" t="s">
        <v>113</v>
      </c>
      <c r="F78" s="2" t="s">
        <v>330</v>
      </c>
      <c r="G78" s="3">
        <v>5</v>
      </c>
      <c r="H78" s="2" t="s">
        <v>108</v>
      </c>
      <c r="I78" s="3">
        <v>2019</v>
      </c>
      <c r="J78" s="2" t="s">
        <v>20</v>
      </c>
      <c r="K78" s="2"/>
      <c r="L78" s="2" t="s">
        <v>331</v>
      </c>
    </row>
    <row r="79" spans="1:12" ht="15.2" customHeight="1">
      <c r="A79" s="2" t="s">
        <v>258</v>
      </c>
      <c r="B79" s="2" t="s">
        <v>121</v>
      </c>
      <c r="C79" s="2" t="s">
        <v>111</v>
      </c>
      <c r="D79" s="2" t="s">
        <v>112</v>
      </c>
      <c r="E79" s="2" t="s">
        <v>113</v>
      </c>
      <c r="F79" s="2" t="s">
        <v>114</v>
      </c>
      <c r="G79" s="3">
        <v>1</v>
      </c>
      <c r="H79" s="2" t="s">
        <v>108</v>
      </c>
      <c r="I79" s="3">
        <v>2019</v>
      </c>
      <c r="J79" s="2" t="s">
        <v>20</v>
      </c>
      <c r="K79" s="2"/>
      <c r="L79" s="2" t="s">
        <v>115</v>
      </c>
    </row>
    <row r="80" spans="1:12" ht="15.2" customHeight="1">
      <c r="A80" s="2" t="s">
        <v>258</v>
      </c>
      <c r="B80" s="2" t="s">
        <v>126</v>
      </c>
      <c r="C80" s="2" t="s">
        <v>332</v>
      </c>
      <c r="D80" s="2" t="s">
        <v>333</v>
      </c>
      <c r="E80" s="2" t="s">
        <v>232</v>
      </c>
      <c r="F80" s="2" t="s">
        <v>334</v>
      </c>
      <c r="G80" s="3">
        <v>5</v>
      </c>
      <c r="H80" s="2" t="s">
        <v>173</v>
      </c>
      <c r="I80" s="3">
        <v>2020</v>
      </c>
      <c r="J80" s="2" t="s">
        <v>20</v>
      </c>
      <c r="K80" s="2"/>
      <c r="L80" s="2" t="s">
        <v>335</v>
      </c>
    </row>
    <row r="81" spans="1:12" ht="15.2" customHeight="1">
      <c r="A81" s="2" t="s">
        <v>258</v>
      </c>
      <c r="B81" s="2" t="s">
        <v>131</v>
      </c>
      <c r="C81" s="2" t="s">
        <v>336</v>
      </c>
      <c r="D81" s="2" t="s">
        <v>337</v>
      </c>
      <c r="E81" s="2" t="s">
        <v>232</v>
      </c>
      <c r="F81" s="2" t="s">
        <v>338</v>
      </c>
      <c r="G81" s="3">
        <v>6</v>
      </c>
      <c r="H81" s="2" t="s">
        <v>173</v>
      </c>
      <c r="I81" s="3">
        <v>2020</v>
      </c>
      <c r="J81" s="2" t="s">
        <v>20</v>
      </c>
      <c r="K81" s="2"/>
      <c r="L81" s="2" t="s">
        <v>339</v>
      </c>
    </row>
    <row r="82" spans="1:12" ht="15.2" customHeight="1">
      <c r="A82" s="2" t="s">
        <v>258</v>
      </c>
      <c r="B82" s="2" t="s">
        <v>136</v>
      </c>
      <c r="C82" s="2" t="s">
        <v>340</v>
      </c>
      <c r="D82" s="2" t="s">
        <v>341</v>
      </c>
      <c r="E82" s="2" t="s">
        <v>232</v>
      </c>
      <c r="F82" s="2" t="s">
        <v>342</v>
      </c>
      <c r="G82" s="3">
        <v>5</v>
      </c>
      <c r="H82" s="2" t="s">
        <v>108</v>
      </c>
      <c r="I82" s="3">
        <v>2019</v>
      </c>
      <c r="J82" s="2" t="s">
        <v>242</v>
      </c>
      <c r="K82" s="2"/>
      <c r="L82" s="2" t="s">
        <v>343</v>
      </c>
    </row>
    <row r="83" spans="1:12" ht="15.2" customHeight="1">
      <c r="A83" s="2" t="s">
        <v>258</v>
      </c>
      <c r="B83" s="2" t="s">
        <v>141</v>
      </c>
      <c r="C83" s="2" t="s">
        <v>344</v>
      </c>
      <c r="D83" s="2" t="s">
        <v>345</v>
      </c>
      <c r="E83" s="2" t="s">
        <v>232</v>
      </c>
      <c r="F83" s="2" t="s">
        <v>346</v>
      </c>
      <c r="G83" s="3">
        <v>6</v>
      </c>
      <c r="H83" s="2" t="s">
        <v>108</v>
      </c>
      <c r="I83" s="3">
        <v>2019</v>
      </c>
      <c r="J83" s="2" t="s">
        <v>242</v>
      </c>
      <c r="K83" s="2"/>
      <c r="L83" s="2" t="s">
        <v>347</v>
      </c>
    </row>
    <row r="84" spans="1:12" ht="15.2" customHeight="1">
      <c r="A84" s="2" t="s">
        <v>258</v>
      </c>
      <c r="B84" s="2" t="s">
        <v>147</v>
      </c>
      <c r="C84" s="2" t="s">
        <v>230</v>
      </c>
      <c r="D84" s="2" t="s">
        <v>231</v>
      </c>
      <c r="E84" s="2" t="s">
        <v>232</v>
      </c>
      <c r="F84" s="2" t="s">
        <v>233</v>
      </c>
      <c r="G84" s="3">
        <v>3</v>
      </c>
      <c r="H84" s="2" t="s">
        <v>173</v>
      </c>
      <c r="I84" s="3">
        <v>2020</v>
      </c>
      <c r="J84" s="2" t="s">
        <v>20</v>
      </c>
      <c r="K84" s="2"/>
      <c r="L84" s="2" t="s">
        <v>234</v>
      </c>
    </row>
    <row r="85" spans="1:12" ht="15.2" customHeight="1">
      <c r="A85" s="2" t="s">
        <v>258</v>
      </c>
      <c r="B85" s="2" t="s">
        <v>151</v>
      </c>
      <c r="C85" s="2" t="s">
        <v>235</v>
      </c>
      <c r="D85" s="2" t="s">
        <v>236</v>
      </c>
      <c r="E85" s="2" t="s">
        <v>232</v>
      </c>
      <c r="F85" s="2" t="s">
        <v>237</v>
      </c>
      <c r="G85" s="3">
        <v>4</v>
      </c>
      <c r="H85" s="2" t="s">
        <v>173</v>
      </c>
      <c r="I85" s="3">
        <v>2020</v>
      </c>
      <c r="J85" s="2" t="s">
        <v>20</v>
      </c>
      <c r="K85" s="2"/>
      <c r="L85" s="2" t="s">
        <v>238</v>
      </c>
    </row>
    <row r="86" spans="1:12" ht="15.2" customHeight="1">
      <c r="A86" s="2" t="s">
        <v>258</v>
      </c>
      <c r="B86" s="2" t="s">
        <v>156</v>
      </c>
      <c r="C86" s="2" t="s">
        <v>239</v>
      </c>
      <c r="D86" s="2" t="s">
        <v>240</v>
      </c>
      <c r="E86" s="2" t="s">
        <v>232</v>
      </c>
      <c r="F86" s="2" t="s">
        <v>241</v>
      </c>
      <c r="G86" s="3">
        <v>3</v>
      </c>
      <c r="H86" s="2" t="s">
        <v>108</v>
      </c>
      <c r="I86" s="3">
        <v>2019</v>
      </c>
      <c r="J86" s="2" t="s">
        <v>242</v>
      </c>
      <c r="K86" s="2"/>
      <c r="L86" s="2" t="s">
        <v>243</v>
      </c>
    </row>
    <row r="87" spans="1:12" ht="15.2" customHeight="1">
      <c r="A87" s="2" t="s">
        <v>258</v>
      </c>
      <c r="B87" s="2" t="s">
        <v>161</v>
      </c>
      <c r="C87" s="2" t="s">
        <v>244</v>
      </c>
      <c r="D87" s="2" t="s">
        <v>245</v>
      </c>
      <c r="E87" s="2" t="s">
        <v>232</v>
      </c>
      <c r="F87" s="2" t="s">
        <v>246</v>
      </c>
      <c r="G87" s="3">
        <v>4</v>
      </c>
      <c r="H87" s="2" t="s">
        <v>55</v>
      </c>
      <c r="I87" s="3">
        <v>2019</v>
      </c>
      <c r="J87" s="2" t="s">
        <v>242</v>
      </c>
      <c r="K87" s="2"/>
      <c r="L87" s="2" t="s">
        <v>247</v>
      </c>
    </row>
    <row r="88" spans="1:12" ht="15.2" customHeight="1">
      <c r="A88" s="2" t="s">
        <v>258</v>
      </c>
      <c r="B88" s="2" t="s">
        <v>166</v>
      </c>
      <c r="C88" s="2" t="s">
        <v>259</v>
      </c>
      <c r="D88" s="2" t="s">
        <v>260</v>
      </c>
      <c r="E88" s="2" t="s">
        <v>261</v>
      </c>
      <c r="F88" s="2" t="s">
        <v>262</v>
      </c>
      <c r="G88" s="3">
        <v>7</v>
      </c>
      <c r="H88" s="2" t="s">
        <v>19</v>
      </c>
      <c r="I88" s="3">
        <v>2018</v>
      </c>
      <c r="J88" s="2" t="s">
        <v>33</v>
      </c>
      <c r="K88" s="2"/>
      <c r="L88" s="2" t="s">
        <v>263</v>
      </c>
    </row>
    <row r="89" spans="1:12" ht="15.2" customHeight="1">
      <c r="A89" s="2" t="s">
        <v>258</v>
      </c>
      <c r="B89" s="2" t="s">
        <v>167</v>
      </c>
      <c r="C89" s="2" t="s">
        <v>264</v>
      </c>
      <c r="D89" s="2" t="s">
        <v>265</v>
      </c>
      <c r="E89" s="2" t="s">
        <v>261</v>
      </c>
      <c r="F89" s="2" t="s">
        <v>266</v>
      </c>
      <c r="G89" s="3">
        <v>8</v>
      </c>
      <c r="H89" s="2" t="s">
        <v>19</v>
      </c>
      <c r="I89" s="3">
        <v>2018</v>
      </c>
      <c r="J89" s="2" t="s">
        <v>33</v>
      </c>
      <c r="K89" s="2"/>
      <c r="L89" s="2" t="s">
        <v>267</v>
      </c>
    </row>
    <row r="90" spans="1:12" ht="15.2" customHeight="1">
      <c r="A90" s="2" t="s">
        <v>258</v>
      </c>
      <c r="B90" s="2" t="s">
        <v>168</v>
      </c>
      <c r="C90" s="2" t="s">
        <v>277</v>
      </c>
      <c r="D90" s="2" t="s">
        <v>278</v>
      </c>
      <c r="E90" s="2" t="s">
        <v>279</v>
      </c>
      <c r="F90" s="2" t="s">
        <v>280</v>
      </c>
      <c r="G90" s="3">
        <v>3</v>
      </c>
      <c r="H90" s="2" t="s">
        <v>145</v>
      </c>
      <c r="I90" s="3">
        <v>2009</v>
      </c>
      <c r="J90" s="2" t="s">
        <v>20</v>
      </c>
      <c r="K90" s="2"/>
      <c r="L90" s="2" t="s">
        <v>281</v>
      </c>
    </row>
    <row r="91" spans="1:12" ht="15.2" customHeight="1">
      <c r="A91" s="2" t="s">
        <v>258</v>
      </c>
      <c r="B91" s="2" t="s">
        <v>175</v>
      </c>
      <c r="C91" s="2" t="s">
        <v>282</v>
      </c>
      <c r="D91" s="2" t="s">
        <v>283</v>
      </c>
      <c r="E91" s="2" t="s">
        <v>284</v>
      </c>
      <c r="F91" s="2" t="s">
        <v>285</v>
      </c>
      <c r="G91" s="3">
        <v>3</v>
      </c>
      <c r="H91" s="2" t="s">
        <v>108</v>
      </c>
      <c r="I91" s="3">
        <v>2011</v>
      </c>
      <c r="J91" s="2" t="s">
        <v>33</v>
      </c>
      <c r="K91" s="2"/>
      <c r="L91" s="2" t="s">
        <v>286</v>
      </c>
    </row>
    <row r="92" spans="1:12" ht="15.2" customHeight="1">
      <c r="A92" s="2" t="s">
        <v>258</v>
      </c>
      <c r="B92" s="2" t="s">
        <v>180</v>
      </c>
      <c r="C92" s="2" t="s">
        <v>287</v>
      </c>
      <c r="D92" s="2" t="s">
        <v>288</v>
      </c>
      <c r="E92" s="2" t="s">
        <v>289</v>
      </c>
      <c r="F92" s="2" t="s">
        <v>290</v>
      </c>
      <c r="G92" s="3">
        <v>2</v>
      </c>
      <c r="H92" s="2" t="s">
        <v>108</v>
      </c>
      <c r="I92" s="3">
        <v>2019</v>
      </c>
      <c r="J92" s="2" t="s">
        <v>20</v>
      </c>
      <c r="K92" s="2"/>
      <c r="L92" s="2" t="s">
        <v>291</v>
      </c>
    </row>
    <row r="93" spans="1:12" ht="15.2" customHeight="1">
      <c r="A93" s="2" t="s">
        <v>348</v>
      </c>
      <c r="B93" s="2" t="s">
        <v>14</v>
      </c>
      <c r="C93" s="2" t="s">
        <v>349</v>
      </c>
      <c r="D93" s="2" t="s">
        <v>350</v>
      </c>
      <c r="E93" s="2" t="s">
        <v>261</v>
      </c>
      <c r="F93" s="2" t="s">
        <v>351</v>
      </c>
      <c r="G93" s="3">
        <v>9</v>
      </c>
      <c r="H93" s="2" t="s">
        <v>19</v>
      </c>
      <c r="I93" s="3">
        <v>2018</v>
      </c>
      <c r="J93" s="2" t="s">
        <v>33</v>
      </c>
      <c r="K93" s="2"/>
      <c r="L93" s="2" t="s">
        <v>352</v>
      </c>
    </row>
    <row r="94" spans="1:12" ht="15.2" customHeight="1">
      <c r="A94" s="2" t="s">
        <v>348</v>
      </c>
      <c r="B94" s="2" t="s">
        <v>22</v>
      </c>
      <c r="C94" s="2" t="s">
        <v>353</v>
      </c>
      <c r="D94" s="2" t="s">
        <v>354</v>
      </c>
      <c r="E94" s="2" t="s">
        <v>261</v>
      </c>
      <c r="F94" s="2" t="s">
        <v>355</v>
      </c>
      <c r="G94" s="3">
        <v>10</v>
      </c>
      <c r="H94" s="2" t="s">
        <v>19</v>
      </c>
      <c r="I94" s="3">
        <v>2018</v>
      </c>
      <c r="J94" s="2" t="s">
        <v>33</v>
      </c>
      <c r="K94" s="2"/>
      <c r="L94" s="2" t="s">
        <v>356</v>
      </c>
    </row>
    <row r="95" spans="1:12" ht="15.2" customHeight="1">
      <c r="A95" s="2" t="s">
        <v>348</v>
      </c>
      <c r="B95" s="2" t="s">
        <v>27</v>
      </c>
      <c r="C95" s="2" t="s">
        <v>357</v>
      </c>
      <c r="D95" s="2" t="s">
        <v>358</v>
      </c>
      <c r="E95" s="2" t="s">
        <v>270</v>
      </c>
      <c r="F95" s="2" t="s">
        <v>359</v>
      </c>
      <c r="G95" s="3">
        <v>11</v>
      </c>
      <c r="H95" s="2" t="s">
        <v>360</v>
      </c>
      <c r="I95" s="3">
        <v>2006</v>
      </c>
      <c r="J95" s="2" t="s">
        <v>33</v>
      </c>
      <c r="K95" s="2"/>
      <c r="L95" s="2" t="s">
        <v>361</v>
      </c>
    </row>
    <row r="96" spans="1:12" ht="15.2" customHeight="1">
      <c r="A96" s="2" t="s">
        <v>348</v>
      </c>
      <c r="B96" s="2" t="s">
        <v>40</v>
      </c>
      <c r="C96" s="2" t="s">
        <v>362</v>
      </c>
      <c r="D96" s="2" t="s">
        <v>363</v>
      </c>
      <c r="E96" s="2" t="s">
        <v>270</v>
      </c>
      <c r="F96" s="2" t="s">
        <v>364</v>
      </c>
      <c r="G96" s="3">
        <v>5</v>
      </c>
      <c r="H96" s="2" t="s">
        <v>173</v>
      </c>
      <c r="I96" s="3">
        <v>2006</v>
      </c>
      <c r="J96" s="2" t="s">
        <v>33</v>
      </c>
      <c r="K96" s="2"/>
      <c r="L96" s="2"/>
    </row>
    <row r="97" spans="1:12" ht="15.2" customHeight="1">
      <c r="A97" s="2" t="s">
        <v>348</v>
      </c>
      <c r="B97" s="2" t="s">
        <v>50</v>
      </c>
      <c r="C97" s="2" t="s">
        <v>365</v>
      </c>
      <c r="D97" s="2" t="s">
        <v>366</v>
      </c>
      <c r="E97" s="2" t="s">
        <v>279</v>
      </c>
      <c r="F97" s="2" t="s">
        <v>367</v>
      </c>
      <c r="G97" s="3">
        <v>4</v>
      </c>
      <c r="H97" s="2" t="s">
        <v>145</v>
      </c>
      <c r="I97" s="3">
        <v>2009</v>
      </c>
      <c r="J97" s="2" t="s">
        <v>20</v>
      </c>
      <c r="K97" s="2"/>
      <c r="L97" s="2" t="s">
        <v>368</v>
      </c>
    </row>
    <row r="98" spans="1:12" ht="15.2" customHeight="1">
      <c r="A98" s="2" t="s">
        <v>348</v>
      </c>
      <c r="B98" s="2" t="s">
        <v>57</v>
      </c>
      <c r="C98" s="2" t="s">
        <v>369</v>
      </c>
      <c r="D98" s="2" t="s">
        <v>283</v>
      </c>
      <c r="E98" s="2" t="s">
        <v>284</v>
      </c>
      <c r="F98" s="2" t="s">
        <v>370</v>
      </c>
      <c r="G98" s="3">
        <v>4</v>
      </c>
      <c r="H98" s="2" t="s">
        <v>108</v>
      </c>
      <c r="I98" s="3">
        <v>2011</v>
      </c>
      <c r="J98" s="2" t="s">
        <v>33</v>
      </c>
      <c r="K98" s="2"/>
      <c r="L98" s="2" t="s">
        <v>371</v>
      </c>
    </row>
    <row r="99" spans="1:12" ht="15.2" customHeight="1">
      <c r="A99" s="2" t="s">
        <v>348</v>
      </c>
      <c r="B99" s="2" t="s">
        <v>65</v>
      </c>
      <c r="C99" s="2" t="s">
        <v>372</v>
      </c>
      <c r="D99" s="2" t="s">
        <v>373</v>
      </c>
      <c r="E99" s="2" t="s">
        <v>289</v>
      </c>
      <c r="F99" s="2" t="s">
        <v>374</v>
      </c>
      <c r="G99" s="3">
        <v>3</v>
      </c>
      <c r="H99" s="2" t="s">
        <v>108</v>
      </c>
      <c r="I99" s="3">
        <v>2019</v>
      </c>
      <c r="J99" s="2" t="s">
        <v>20</v>
      </c>
      <c r="K99" s="2"/>
      <c r="L99" s="2" t="s">
        <v>375</v>
      </c>
    </row>
    <row r="100" spans="1:12" ht="15.2" customHeight="1">
      <c r="A100" s="2" t="s">
        <v>348</v>
      </c>
      <c r="B100" s="2" t="s">
        <v>70</v>
      </c>
      <c r="C100" s="2" t="s">
        <v>376</v>
      </c>
      <c r="D100" s="2" t="s">
        <v>377</v>
      </c>
      <c r="E100" s="2" t="s">
        <v>294</v>
      </c>
      <c r="F100" s="2" t="s">
        <v>378</v>
      </c>
      <c r="G100" s="3">
        <v>8</v>
      </c>
      <c r="H100" s="2" t="s">
        <v>108</v>
      </c>
      <c r="I100" s="3">
        <v>2013</v>
      </c>
      <c r="J100" s="2" t="s">
        <v>33</v>
      </c>
      <c r="K100" s="2"/>
      <c r="L100" s="2" t="s">
        <v>379</v>
      </c>
    </row>
    <row r="101" spans="1:12" ht="15.2" customHeight="1">
      <c r="A101" s="2" t="s">
        <v>348</v>
      </c>
      <c r="B101" s="2" t="s">
        <v>76</v>
      </c>
      <c r="C101" s="2" t="s">
        <v>380</v>
      </c>
      <c r="D101" s="2" t="s">
        <v>381</v>
      </c>
      <c r="E101" s="2" t="s">
        <v>382</v>
      </c>
      <c r="F101" s="2" t="s">
        <v>383</v>
      </c>
      <c r="G101" s="3">
        <v>6</v>
      </c>
      <c r="H101" s="2" t="s">
        <v>108</v>
      </c>
      <c r="I101" s="3">
        <v>2014</v>
      </c>
      <c r="J101" s="2" t="s">
        <v>33</v>
      </c>
      <c r="K101" s="2"/>
      <c r="L101" s="2" t="s">
        <v>384</v>
      </c>
    </row>
    <row r="102" spans="1:12" ht="15.2" customHeight="1">
      <c r="A102" s="2" t="s">
        <v>348</v>
      </c>
      <c r="B102" s="2" t="s">
        <v>81</v>
      </c>
      <c r="C102" s="2" t="s">
        <v>385</v>
      </c>
      <c r="D102" s="2" t="s">
        <v>386</v>
      </c>
      <c r="E102" s="2" t="s">
        <v>382</v>
      </c>
      <c r="F102" s="2" t="s">
        <v>387</v>
      </c>
      <c r="G102" s="3">
        <v>1</v>
      </c>
      <c r="H102" s="2" t="s">
        <v>108</v>
      </c>
      <c r="I102" s="3">
        <v>2015</v>
      </c>
      <c r="J102" s="2" t="s">
        <v>33</v>
      </c>
      <c r="K102" s="2"/>
      <c r="L102" s="2" t="s">
        <v>388</v>
      </c>
    </row>
    <row r="103" spans="1:12" ht="15.2" customHeight="1">
      <c r="A103" s="2" t="s">
        <v>348</v>
      </c>
      <c r="B103" s="2" t="s">
        <v>87</v>
      </c>
      <c r="C103" s="2" t="s">
        <v>389</v>
      </c>
      <c r="D103" s="2" t="s">
        <v>390</v>
      </c>
      <c r="E103" s="2" t="s">
        <v>382</v>
      </c>
      <c r="F103" s="2" t="s">
        <v>391</v>
      </c>
      <c r="G103" s="3">
        <v>2</v>
      </c>
      <c r="H103" s="2" t="s">
        <v>55</v>
      </c>
      <c r="I103" s="3">
        <v>2015</v>
      </c>
      <c r="J103" s="2" t="s">
        <v>33</v>
      </c>
      <c r="K103" s="2"/>
      <c r="L103" s="2" t="s">
        <v>392</v>
      </c>
    </row>
    <row r="104" spans="1:12" ht="15.2" customHeight="1">
      <c r="A104" s="2" t="s">
        <v>348</v>
      </c>
      <c r="B104" s="2" t="s">
        <v>92</v>
      </c>
      <c r="C104" s="2" t="s">
        <v>393</v>
      </c>
      <c r="D104" s="2" t="s">
        <v>394</v>
      </c>
      <c r="E104" s="2" t="s">
        <v>382</v>
      </c>
      <c r="F104" s="2" t="s">
        <v>395</v>
      </c>
      <c r="G104" s="3">
        <v>3</v>
      </c>
      <c r="H104" s="2" t="s">
        <v>108</v>
      </c>
      <c r="I104" s="3">
        <v>2015</v>
      </c>
      <c r="J104" s="2" t="s">
        <v>33</v>
      </c>
      <c r="K104" s="2"/>
      <c r="L104" s="2" t="s">
        <v>396</v>
      </c>
    </row>
    <row r="105" spans="1:12" ht="15.2" customHeight="1">
      <c r="A105" s="2" t="s">
        <v>348</v>
      </c>
      <c r="B105" s="2" t="s">
        <v>97</v>
      </c>
      <c r="C105" s="2" t="s">
        <v>397</v>
      </c>
      <c r="D105" s="2" t="s">
        <v>398</v>
      </c>
      <c r="E105" s="2" t="s">
        <v>382</v>
      </c>
      <c r="F105" s="2" t="s">
        <v>399</v>
      </c>
      <c r="G105" s="3">
        <v>4</v>
      </c>
      <c r="H105" s="2" t="s">
        <v>55</v>
      </c>
      <c r="I105" s="3">
        <v>2015</v>
      </c>
      <c r="J105" s="2" t="s">
        <v>33</v>
      </c>
      <c r="K105" s="2"/>
      <c r="L105" s="2" t="s">
        <v>400</v>
      </c>
    </row>
    <row r="106" spans="1:12" ht="15.2" customHeight="1">
      <c r="A106" s="2" t="s">
        <v>348</v>
      </c>
      <c r="B106" s="2" t="s">
        <v>103</v>
      </c>
      <c r="C106" s="2" t="s">
        <v>401</v>
      </c>
      <c r="D106" s="2" t="s">
        <v>402</v>
      </c>
      <c r="E106" s="2" t="s">
        <v>321</v>
      </c>
      <c r="F106" s="2" t="s">
        <v>403</v>
      </c>
      <c r="G106" s="3">
        <v>13</v>
      </c>
      <c r="H106" s="2" t="s">
        <v>301</v>
      </c>
      <c r="I106" s="3">
        <v>2020</v>
      </c>
      <c r="J106" s="2" t="s">
        <v>20</v>
      </c>
      <c r="K106" s="2"/>
      <c r="L106" s="2" t="s">
        <v>404</v>
      </c>
    </row>
    <row r="107" spans="1:12" ht="15.2" customHeight="1">
      <c r="A107" s="2" t="s">
        <v>348</v>
      </c>
      <c r="B107" s="2" t="s">
        <v>110</v>
      </c>
      <c r="C107" s="2" t="s">
        <v>405</v>
      </c>
      <c r="D107" s="2" t="s">
        <v>406</v>
      </c>
      <c r="E107" s="2" t="s">
        <v>321</v>
      </c>
      <c r="F107" s="2" t="s">
        <v>407</v>
      </c>
      <c r="G107" s="3">
        <v>14</v>
      </c>
      <c r="H107" s="2" t="s">
        <v>301</v>
      </c>
      <c r="I107" s="3">
        <v>2020</v>
      </c>
      <c r="J107" s="2" t="s">
        <v>20</v>
      </c>
      <c r="K107" s="2"/>
      <c r="L107" s="2" t="s">
        <v>408</v>
      </c>
    </row>
    <row r="108" spans="1:12" ht="15.2" customHeight="1">
      <c r="A108" s="2" t="s">
        <v>348</v>
      </c>
      <c r="B108" s="2" t="s">
        <v>116</v>
      </c>
      <c r="C108" s="2" t="s">
        <v>409</v>
      </c>
      <c r="D108" s="2" t="s">
        <v>410</v>
      </c>
      <c r="E108" s="2" t="s">
        <v>113</v>
      </c>
      <c r="F108" s="2" t="s">
        <v>411</v>
      </c>
      <c r="G108" s="3">
        <v>7</v>
      </c>
      <c r="H108" s="2" t="s">
        <v>108</v>
      </c>
      <c r="I108" s="3">
        <v>2019</v>
      </c>
      <c r="J108" s="2" t="s">
        <v>20</v>
      </c>
      <c r="K108" s="2"/>
      <c r="L108" s="2" t="s">
        <v>412</v>
      </c>
    </row>
    <row r="109" spans="1:12" ht="15.2" customHeight="1">
      <c r="A109" s="2" t="s">
        <v>348</v>
      </c>
      <c r="B109" s="2" t="s">
        <v>121</v>
      </c>
      <c r="C109" s="2" t="s">
        <v>413</v>
      </c>
      <c r="D109" s="2" t="s">
        <v>414</v>
      </c>
      <c r="E109" s="2" t="s">
        <v>113</v>
      </c>
      <c r="F109" s="2" t="s">
        <v>415</v>
      </c>
      <c r="G109" s="3">
        <v>6</v>
      </c>
      <c r="H109" s="2" t="s">
        <v>108</v>
      </c>
      <c r="I109" s="3">
        <v>2019</v>
      </c>
      <c r="J109" s="2" t="s">
        <v>20</v>
      </c>
      <c r="K109" s="2"/>
      <c r="L109" s="2" t="s">
        <v>416</v>
      </c>
    </row>
    <row r="110" spans="1:12" ht="15.2" customHeight="1">
      <c r="A110" s="2" t="s">
        <v>348</v>
      </c>
      <c r="B110" s="2" t="s">
        <v>126</v>
      </c>
      <c r="C110" s="2" t="s">
        <v>417</v>
      </c>
      <c r="D110" s="2"/>
      <c r="E110" s="2" t="s">
        <v>60</v>
      </c>
      <c r="F110" s="2" t="s">
        <v>418</v>
      </c>
      <c r="G110" s="3">
        <v>3</v>
      </c>
      <c r="H110" s="2" t="s">
        <v>62</v>
      </c>
      <c r="I110" s="3">
        <v>2019</v>
      </c>
      <c r="J110" s="2" t="s">
        <v>63</v>
      </c>
      <c r="K110" s="2"/>
      <c r="L110" s="2" t="s">
        <v>419</v>
      </c>
    </row>
    <row r="111" spans="1:12" ht="15.2" customHeight="1">
      <c r="A111" s="2" t="s">
        <v>348</v>
      </c>
      <c r="B111" s="2" t="s">
        <v>131</v>
      </c>
      <c r="C111" s="2" t="s">
        <v>420</v>
      </c>
      <c r="D111" s="2" t="s">
        <v>421</v>
      </c>
      <c r="E111" s="2" t="s">
        <v>60</v>
      </c>
      <c r="F111" s="2" t="s">
        <v>422</v>
      </c>
      <c r="G111" s="3">
        <v>4</v>
      </c>
      <c r="H111" s="2" t="s">
        <v>62</v>
      </c>
      <c r="I111" s="3">
        <v>2019</v>
      </c>
      <c r="J111" s="2" t="s">
        <v>63</v>
      </c>
      <c r="K111" s="2"/>
      <c r="L111" s="2" t="s">
        <v>423</v>
      </c>
    </row>
    <row r="112" spans="1:12" ht="15.2" customHeight="1">
      <c r="A112" s="2" t="s">
        <v>348</v>
      </c>
      <c r="B112" s="2" t="s">
        <v>136</v>
      </c>
      <c r="C112" s="2" t="s">
        <v>424</v>
      </c>
      <c r="D112" s="2" t="s">
        <v>425</v>
      </c>
      <c r="E112" s="2" t="s">
        <v>73</v>
      </c>
      <c r="F112" s="2" t="s">
        <v>426</v>
      </c>
      <c r="G112" s="3">
        <v>3</v>
      </c>
      <c r="H112" s="2" t="s">
        <v>55</v>
      </c>
      <c r="I112" s="3">
        <v>2018</v>
      </c>
      <c r="J112" s="2" t="s">
        <v>33</v>
      </c>
      <c r="K112" s="2"/>
      <c r="L112" s="2" t="s">
        <v>427</v>
      </c>
    </row>
    <row r="113" spans="1:12" ht="15.2" customHeight="1">
      <c r="A113" s="2" t="s">
        <v>348</v>
      </c>
      <c r="B113" s="2" t="s">
        <v>141</v>
      </c>
      <c r="C113" s="2" t="s">
        <v>428</v>
      </c>
      <c r="D113" s="2" t="s">
        <v>429</v>
      </c>
      <c r="E113" s="2" t="s">
        <v>73</v>
      </c>
      <c r="F113" s="2" t="s">
        <v>430</v>
      </c>
      <c r="G113" s="3">
        <v>4</v>
      </c>
      <c r="H113" s="2" t="s">
        <v>55</v>
      </c>
      <c r="I113" s="3">
        <v>2018</v>
      </c>
      <c r="J113" s="2" t="s">
        <v>33</v>
      </c>
      <c r="K113" s="2"/>
      <c r="L113" s="2" t="s">
        <v>431</v>
      </c>
    </row>
    <row r="114" spans="1:12" ht="15.2" customHeight="1">
      <c r="A114" s="2" t="s">
        <v>348</v>
      </c>
      <c r="B114" s="2" t="s">
        <v>147</v>
      </c>
      <c r="C114" s="2" t="s">
        <v>58</v>
      </c>
      <c r="D114" s="2" t="s">
        <v>59</v>
      </c>
      <c r="E114" s="2" t="s">
        <v>60</v>
      </c>
      <c r="F114" s="2" t="s">
        <v>61</v>
      </c>
      <c r="G114" s="3">
        <v>1</v>
      </c>
      <c r="H114" s="2" t="s">
        <v>62</v>
      </c>
      <c r="I114" s="3">
        <v>2019</v>
      </c>
      <c r="J114" s="2" t="s">
        <v>63</v>
      </c>
      <c r="K114" s="2"/>
      <c r="L114" s="2" t="s">
        <v>64</v>
      </c>
    </row>
    <row r="115" spans="1:12" ht="15.2" customHeight="1">
      <c r="A115" s="2" t="s">
        <v>348</v>
      </c>
      <c r="B115" s="2" t="s">
        <v>151</v>
      </c>
      <c r="C115" s="2" t="s">
        <v>66</v>
      </c>
      <c r="D115" s="2" t="s">
        <v>67</v>
      </c>
      <c r="E115" s="2" t="s">
        <v>60</v>
      </c>
      <c r="F115" s="2" t="s">
        <v>68</v>
      </c>
      <c r="G115" s="3">
        <v>2</v>
      </c>
      <c r="H115" s="2" t="s">
        <v>62</v>
      </c>
      <c r="I115" s="3">
        <v>2019</v>
      </c>
      <c r="J115" s="2" t="s">
        <v>63</v>
      </c>
      <c r="K115" s="2"/>
      <c r="L115" s="2" t="s">
        <v>69</v>
      </c>
    </row>
    <row r="116" spans="1:12" ht="15.2" customHeight="1">
      <c r="A116" s="2" t="s">
        <v>348</v>
      </c>
      <c r="B116" s="2" t="s">
        <v>156</v>
      </c>
      <c r="C116" s="2" t="s">
        <v>71</v>
      </c>
      <c r="D116" s="2" t="s">
        <v>72</v>
      </c>
      <c r="E116" s="2" t="s">
        <v>73</v>
      </c>
      <c r="F116" s="2" t="s">
        <v>74</v>
      </c>
      <c r="G116" s="3">
        <v>1</v>
      </c>
      <c r="H116" s="2" t="s">
        <v>55</v>
      </c>
      <c r="I116" s="3">
        <v>2018</v>
      </c>
      <c r="J116" s="2" t="s">
        <v>33</v>
      </c>
      <c r="K116" s="2"/>
      <c r="L116" s="2" t="s">
        <v>75</v>
      </c>
    </row>
    <row r="117" spans="1:12" ht="15.2" customHeight="1">
      <c r="A117" s="2" t="s">
        <v>348</v>
      </c>
      <c r="B117" s="2" t="s">
        <v>161</v>
      </c>
      <c r="C117" s="2" t="s">
        <v>77</v>
      </c>
      <c r="D117" s="2" t="s">
        <v>78</v>
      </c>
      <c r="E117" s="2" t="s">
        <v>73</v>
      </c>
      <c r="F117" s="2" t="s">
        <v>79</v>
      </c>
      <c r="G117" s="3">
        <v>2</v>
      </c>
      <c r="H117" s="2" t="s">
        <v>55</v>
      </c>
      <c r="I117" s="3">
        <v>2018</v>
      </c>
      <c r="J117" s="2" t="s">
        <v>33</v>
      </c>
      <c r="K117" s="2"/>
      <c r="L117" s="2" t="s">
        <v>80</v>
      </c>
    </row>
    <row r="118" spans="1:12" ht="15.2" customHeight="1">
      <c r="A118" s="2" t="s">
        <v>348</v>
      </c>
      <c r="B118" s="2" t="s">
        <v>166</v>
      </c>
      <c r="C118" s="2" t="s">
        <v>349</v>
      </c>
      <c r="D118" s="2" t="s">
        <v>350</v>
      </c>
      <c r="E118" s="2" t="s">
        <v>261</v>
      </c>
      <c r="F118" s="2" t="s">
        <v>351</v>
      </c>
      <c r="G118" s="3">
        <v>9</v>
      </c>
      <c r="H118" s="2" t="s">
        <v>19</v>
      </c>
      <c r="I118" s="3">
        <v>2018</v>
      </c>
      <c r="J118" s="2" t="s">
        <v>33</v>
      </c>
      <c r="K118" s="2"/>
      <c r="L118" s="2" t="s">
        <v>352</v>
      </c>
    </row>
    <row r="119" spans="1:12" ht="15.2" customHeight="1">
      <c r="A119" s="2" t="s">
        <v>348</v>
      </c>
      <c r="B119" s="2" t="s">
        <v>167</v>
      </c>
      <c r="C119" s="2" t="s">
        <v>353</v>
      </c>
      <c r="D119" s="2" t="s">
        <v>354</v>
      </c>
      <c r="E119" s="2" t="s">
        <v>261</v>
      </c>
      <c r="F119" s="2" t="s">
        <v>355</v>
      </c>
      <c r="G119" s="3">
        <v>10</v>
      </c>
      <c r="H119" s="2" t="s">
        <v>19</v>
      </c>
      <c r="I119" s="3">
        <v>2018</v>
      </c>
      <c r="J119" s="2" t="s">
        <v>33</v>
      </c>
      <c r="K119" s="2"/>
      <c r="L119" s="2" t="s">
        <v>356</v>
      </c>
    </row>
    <row r="120" spans="1:12" ht="15.2" customHeight="1">
      <c r="A120" s="2" t="s">
        <v>348</v>
      </c>
      <c r="B120" s="2" t="s">
        <v>168</v>
      </c>
      <c r="C120" s="2" t="s">
        <v>365</v>
      </c>
      <c r="D120" s="2" t="s">
        <v>366</v>
      </c>
      <c r="E120" s="2" t="s">
        <v>279</v>
      </c>
      <c r="F120" s="2" t="s">
        <v>367</v>
      </c>
      <c r="G120" s="3">
        <v>4</v>
      </c>
      <c r="H120" s="2" t="s">
        <v>145</v>
      </c>
      <c r="I120" s="3">
        <v>2009</v>
      </c>
      <c r="J120" s="2" t="s">
        <v>20</v>
      </c>
      <c r="K120" s="2"/>
      <c r="L120" s="2" t="s">
        <v>368</v>
      </c>
    </row>
    <row r="121" spans="1:12" ht="15.2" customHeight="1">
      <c r="A121" s="2" t="s">
        <v>348</v>
      </c>
      <c r="B121" s="2" t="s">
        <v>175</v>
      </c>
      <c r="C121" s="2" t="s">
        <v>369</v>
      </c>
      <c r="D121" s="2" t="s">
        <v>283</v>
      </c>
      <c r="E121" s="2" t="s">
        <v>284</v>
      </c>
      <c r="F121" s="2" t="s">
        <v>370</v>
      </c>
      <c r="G121" s="3">
        <v>4</v>
      </c>
      <c r="H121" s="2" t="s">
        <v>108</v>
      </c>
      <c r="I121" s="3">
        <v>2011</v>
      </c>
      <c r="J121" s="2" t="s">
        <v>33</v>
      </c>
      <c r="K121" s="2"/>
      <c r="L121" s="2" t="s">
        <v>371</v>
      </c>
    </row>
    <row r="122" spans="1:12" ht="15.2" customHeight="1">
      <c r="A122" s="2" t="s">
        <v>348</v>
      </c>
      <c r="B122" s="2" t="s">
        <v>180</v>
      </c>
      <c r="C122" s="2" t="s">
        <v>372</v>
      </c>
      <c r="D122" s="2" t="s">
        <v>373</v>
      </c>
      <c r="E122" s="2" t="s">
        <v>289</v>
      </c>
      <c r="F122" s="2" t="s">
        <v>374</v>
      </c>
      <c r="G122" s="3">
        <v>3</v>
      </c>
      <c r="H122" s="2" t="s">
        <v>108</v>
      </c>
      <c r="I122" s="3">
        <v>2019</v>
      </c>
      <c r="J122" s="2" t="s">
        <v>20</v>
      </c>
      <c r="K122" s="2"/>
      <c r="L122" s="2" t="s">
        <v>375</v>
      </c>
    </row>
    <row r="123" spans="1:12" ht="15.2" customHeight="1">
      <c r="A123" s="2" t="s">
        <v>432</v>
      </c>
      <c r="B123" s="2" t="s">
        <v>14</v>
      </c>
      <c r="C123" s="2" t="s">
        <v>433</v>
      </c>
      <c r="D123" s="2" t="s">
        <v>434</v>
      </c>
      <c r="E123" s="2" t="s">
        <v>261</v>
      </c>
      <c r="F123" s="2" t="s">
        <v>435</v>
      </c>
      <c r="G123" s="3">
        <v>11</v>
      </c>
      <c r="H123" s="2" t="s">
        <v>19</v>
      </c>
      <c r="I123" s="3">
        <v>2018</v>
      </c>
      <c r="J123" s="2" t="s">
        <v>33</v>
      </c>
      <c r="K123" s="2"/>
      <c r="L123" s="2" t="s">
        <v>436</v>
      </c>
    </row>
    <row r="124" spans="1:12" ht="15.2" customHeight="1">
      <c r="A124" s="2" t="s">
        <v>432</v>
      </c>
      <c r="B124" s="2" t="s">
        <v>22</v>
      </c>
      <c r="C124" s="2" t="s">
        <v>437</v>
      </c>
      <c r="D124" s="2" t="s">
        <v>438</v>
      </c>
      <c r="E124" s="2" t="s">
        <v>261</v>
      </c>
      <c r="F124" s="2" t="s">
        <v>439</v>
      </c>
      <c r="G124" s="3">
        <v>12</v>
      </c>
      <c r="H124" s="2" t="s">
        <v>19</v>
      </c>
      <c r="I124" s="3">
        <v>2018</v>
      </c>
      <c r="J124" s="2" t="s">
        <v>33</v>
      </c>
      <c r="K124" s="2"/>
      <c r="L124" s="2" t="s">
        <v>440</v>
      </c>
    </row>
    <row r="125" spans="1:12" ht="15.2" customHeight="1">
      <c r="A125" s="2" t="s">
        <v>432</v>
      </c>
      <c r="B125" s="2" t="s">
        <v>27</v>
      </c>
      <c r="C125" s="2" t="s">
        <v>441</v>
      </c>
      <c r="D125" s="2" t="s">
        <v>442</v>
      </c>
      <c r="E125" s="2" t="s">
        <v>270</v>
      </c>
      <c r="F125" s="2" t="s">
        <v>443</v>
      </c>
      <c r="G125" s="3">
        <v>12</v>
      </c>
      <c r="H125" s="2" t="s">
        <v>173</v>
      </c>
      <c r="I125" s="3">
        <v>2006</v>
      </c>
      <c r="J125" s="2" t="s">
        <v>33</v>
      </c>
      <c r="K125" s="2"/>
      <c r="L125" s="2" t="s">
        <v>444</v>
      </c>
    </row>
    <row r="126" spans="1:12" ht="15.2" customHeight="1">
      <c r="A126" s="2" t="s">
        <v>432</v>
      </c>
      <c r="B126" s="2" t="s">
        <v>40</v>
      </c>
      <c r="C126" s="2" t="s">
        <v>445</v>
      </c>
      <c r="D126" s="2" t="s">
        <v>446</v>
      </c>
      <c r="E126" s="2" t="s">
        <v>270</v>
      </c>
      <c r="F126" s="2" t="s">
        <v>447</v>
      </c>
      <c r="G126" s="3">
        <v>6</v>
      </c>
      <c r="H126" s="2" t="s">
        <v>173</v>
      </c>
      <c r="I126" s="3">
        <v>2006</v>
      </c>
      <c r="J126" s="2" t="s">
        <v>33</v>
      </c>
      <c r="K126" s="2"/>
      <c r="L126" s="2" t="s">
        <v>448</v>
      </c>
    </row>
    <row r="127" spans="1:12" ht="15.2" customHeight="1">
      <c r="A127" s="2" t="s">
        <v>432</v>
      </c>
      <c r="B127" s="2" t="s">
        <v>50</v>
      </c>
      <c r="C127" s="2" t="s">
        <v>449</v>
      </c>
      <c r="D127" s="2" t="s">
        <v>450</v>
      </c>
      <c r="E127" s="2" t="s">
        <v>279</v>
      </c>
      <c r="F127" s="2" t="s">
        <v>451</v>
      </c>
      <c r="G127" s="3">
        <v>5</v>
      </c>
      <c r="H127" s="2" t="s">
        <v>360</v>
      </c>
      <c r="I127" s="3">
        <v>2009</v>
      </c>
      <c r="J127" s="2" t="s">
        <v>20</v>
      </c>
      <c r="K127" s="2"/>
      <c r="L127" s="2" t="s">
        <v>452</v>
      </c>
    </row>
    <row r="128" spans="1:12" ht="15.2" customHeight="1">
      <c r="A128" s="2" t="s">
        <v>432</v>
      </c>
      <c r="B128" s="2" t="s">
        <v>57</v>
      </c>
      <c r="C128" s="2" t="s">
        <v>453</v>
      </c>
      <c r="D128" s="2" t="s">
        <v>283</v>
      </c>
      <c r="E128" s="2" t="s">
        <v>284</v>
      </c>
      <c r="F128" s="2" t="s">
        <v>454</v>
      </c>
      <c r="G128" s="3">
        <v>5</v>
      </c>
      <c r="H128" s="2" t="s">
        <v>108</v>
      </c>
      <c r="I128" s="3">
        <v>2011</v>
      </c>
      <c r="J128" s="2" t="s">
        <v>33</v>
      </c>
      <c r="K128" s="2"/>
      <c r="L128" s="2" t="s">
        <v>455</v>
      </c>
    </row>
    <row r="129" spans="1:12" ht="15.2" customHeight="1">
      <c r="A129" s="2" t="s">
        <v>432</v>
      </c>
      <c r="B129" s="2" t="s">
        <v>65</v>
      </c>
      <c r="C129" s="2" t="s">
        <v>456</v>
      </c>
      <c r="D129" s="2"/>
      <c r="E129" s="2" t="s">
        <v>289</v>
      </c>
      <c r="F129" s="2" t="s">
        <v>457</v>
      </c>
      <c r="G129" s="3">
        <v>4</v>
      </c>
      <c r="H129" s="2" t="s">
        <v>108</v>
      </c>
      <c r="I129" s="3">
        <v>2019</v>
      </c>
      <c r="J129" s="2" t="s">
        <v>20</v>
      </c>
      <c r="K129" s="2"/>
      <c r="L129" s="2" t="s">
        <v>458</v>
      </c>
    </row>
    <row r="130" spans="1:12" ht="15.2" customHeight="1">
      <c r="A130" s="2" t="s">
        <v>432</v>
      </c>
      <c r="B130" s="2" t="s">
        <v>70</v>
      </c>
      <c r="C130" s="2" t="s">
        <v>459</v>
      </c>
      <c r="D130" s="2" t="s">
        <v>460</v>
      </c>
      <c r="E130" s="2" t="s">
        <v>294</v>
      </c>
      <c r="F130" s="2" t="s">
        <v>461</v>
      </c>
      <c r="G130" s="3">
        <v>9</v>
      </c>
      <c r="H130" s="2" t="s">
        <v>108</v>
      </c>
      <c r="I130" s="3">
        <v>2013</v>
      </c>
      <c r="J130" s="2" t="s">
        <v>33</v>
      </c>
      <c r="K130" s="2"/>
      <c r="L130" s="2" t="s">
        <v>462</v>
      </c>
    </row>
    <row r="131" spans="1:12" ht="15.2" customHeight="1">
      <c r="A131" s="2" t="s">
        <v>432</v>
      </c>
      <c r="B131" s="2" t="s">
        <v>76</v>
      </c>
      <c r="C131" s="2" t="s">
        <v>463</v>
      </c>
      <c r="D131" s="2" t="s">
        <v>464</v>
      </c>
      <c r="E131" s="2" t="s">
        <v>465</v>
      </c>
      <c r="F131" s="2" t="s">
        <v>466</v>
      </c>
      <c r="G131" s="3">
        <v>3</v>
      </c>
      <c r="H131" s="2" t="s">
        <v>108</v>
      </c>
      <c r="I131" s="3">
        <v>2020</v>
      </c>
      <c r="J131" s="2" t="s">
        <v>33</v>
      </c>
      <c r="K131" s="2"/>
      <c r="L131" s="2" t="s">
        <v>467</v>
      </c>
    </row>
    <row r="132" spans="1:12" ht="15.2" customHeight="1">
      <c r="A132" s="2" t="s">
        <v>432</v>
      </c>
      <c r="B132" s="2" t="s">
        <v>81</v>
      </c>
      <c r="C132" s="2" t="s">
        <v>468</v>
      </c>
      <c r="D132" s="2" t="s">
        <v>469</v>
      </c>
      <c r="E132" s="2" t="s">
        <v>465</v>
      </c>
      <c r="F132" s="2" t="s">
        <v>470</v>
      </c>
      <c r="G132" s="3">
        <v>6</v>
      </c>
      <c r="H132" s="2" t="s">
        <v>173</v>
      </c>
      <c r="I132" s="3">
        <v>2020</v>
      </c>
      <c r="J132" s="2" t="s">
        <v>33</v>
      </c>
      <c r="K132" s="2"/>
      <c r="L132" s="2" t="s">
        <v>471</v>
      </c>
    </row>
    <row r="133" spans="1:12" ht="15.2" customHeight="1">
      <c r="A133" s="2" t="s">
        <v>432</v>
      </c>
      <c r="B133" s="2" t="s">
        <v>87</v>
      </c>
      <c r="C133" s="2" t="s">
        <v>472</v>
      </c>
      <c r="D133" s="2" t="s">
        <v>473</v>
      </c>
      <c r="E133" s="2" t="s">
        <v>465</v>
      </c>
      <c r="F133" s="2" t="s">
        <v>474</v>
      </c>
      <c r="G133" s="3">
        <v>5</v>
      </c>
      <c r="H133" s="2" t="s">
        <v>173</v>
      </c>
      <c r="I133" s="3">
        <v>2020</v>
      </c>
      <c r="J133" s="2" t="s">
        <v>33</v>
      </c>
      <c r="K133" s="2"/>
      <c r="L133" s="2" t="s">
        <v>475</v>
      </c>
    </row>
    <row r="134" spans="1:12" ht="15.2" customHeight="1">
      <c r="A134" s="2" t="s">
        <v>432</v>
      </c>
      <c r="B134" s="2" t="s">
        <v>92</v>
      </c>
      <c r="C134" s="2" t="s">
        <v>476</v>
      </c>
      <c r="D134" s="2" t="s">
        <v>477</v>
      </c>
      <c r="E134" s="2" t="s">
        <v>478</v>
      </c>
      <c r="F134" s="2" t="s">
        <v>479</v>
      </c>
      <c r="G134" s="3">
        <v>1</v>
      </c>
      <c r="H134" s="2" t="s">
        <v>480</v>
      </c>
      <c r="I134" s="3">
        <v>2020</v>
      </c>
      <c r="J134" s="2" t="s">
        <v>20</v>
      </c>
      <c r="K134" s="2"/>
      <c r="L134" s="2" t="s">
        <v>481</v>
      </c>
    </row>
    <row r="135" spans="1:12" ht="15.2" customHeight="1">
      <c r="A135" s="2" t="s">
        <v>432</v>
      </c>
      <c r="B135" s="2" t="s">
        <v>103</v>
      </c>
      <c r="C135" s="2" t="s">
        <v>482</v>
      </c>
      <c r="D135" s="2" t="s">
        <v>483</v>
      </c>
      <c r="E135" s="2" t="s">
        <v>321</v>
      </c>
      <c r="F135" s="2" t="s">
        <v>484</v>
      </c>
      <c r="G135" s="3">
        <v>15</v>
      </c>
      <c r="H135" s="2" t="s">
        <v>301</v>
      </c>
      <c r="I135" s="3">
        <v>2020</v>
      </c>
      <c r="J135" s="2" t="s">
        <v>20</v>
      </c>
      <c r="K135" s="2"/>
      <c r="L135" s="2" t="s">
        <v>485</v>
      </c>
    </row>
    <row r="136" spans="1:12" ht="15.2" customHeight="1">
      <c r="A136" s="2" t="s">
        <v>432</v>
      </c>
      <c r="B136" s="2" t="s">
        <v>110</v>
      </c>
      <c r="C136" s="2" t="s">
        <v>486</v>
      </c>
      <c r="D136" s="2" t="s">
        <v>487</v>
      </c>
      <c r="E136" s="2" t="s">
        <v>321</v>
      </c>
      <c r="F136" s="2" t="s">
        <v>488</v>
      </c>
      <c r="G136" s="3">
        <v>1</v>
      </c>
      <c r="H136" s="2" t="s">
        <v>55</v>
      </c>
      <c r="I136" s="3">
        <v>2020</v>
      </c>
      <c r="J136" s="2" t="s">
        <v>20</v>
      </c>
      <c r="K136" s="2"/>
      <c r="L136" s="2" t="s">
        <v>489</v>
      </c>
    </row>
    <row r="137" spans="1:12" ht="15.2" customHeight="1">
      <c r="A137" s="2" t="s">
        <v>432</v>
      </c>
      <c r="B137" s="2" t="s">
        <v>116</v>
      </c>
      <c r="C137" s="2" t="s">
        <v>490</v>
      </c>
      <c r="D137" s="2" t="s">
        <v>491</v>
      </c>
      <c r="E137" s="2" t="s">
        <v>113</v>
      </c>
      <c r="F137" s="2" t="s">
        <v>492</v>
      </c>
      <c r="G137" s="3">
        <v>8</v>
      </c>
      <c r="H137" s="2" t="s">
        <v>108</v>
      </c>
      <c r="I137" s="3">
        <v>2019</v>
      </c>
      <c r="J137" s="2" t="s">
        <v>20</v>
      </c>
      <c r="K137" s="2"/>
      <c r="L137" s="2" t="s">
        <v>493</v>
      </c>
    </row>
    <row r="138" spans="1:12" ht="15.2" customHeight="1">
      <c r="A138" s="2" t="s">
        <v>432</v>
      </c>
      <c r="B138" s="2" t="s">
        <v>121</v>
      </c>
      <c r="C138" s="2" t="s">
        <v>122</v>
      </c>
      <c r="D138" s="2" t="s">
        <v>123</v>
      </c>
      <c r="E138" s="2" t="s">
        <v>113</v>
      </c>
      <c r="F138" s="2" t="s">
        <v>124</v>
      </c>
      <c r="G138" s="3">
        <v>3</v>
      </c>
      <c r="H138" s="2" t="s">
        <v>108</v>
      </c>
      <c r="I138" s="3">
        <v>2019</v>
      </c>
      <c r="J138" s="2" t="s">
        <v>20</v>
      </c>
      <c r="K138" s="2"/>
      <c r="L138" s="2" t="s">
        <v>125</v>
      </c>
    </row>
    <row r="139" spans="1:12" ht="15.2" customHeight="1">
      <c r="A139" s="2" t="s">
        <v>432</v>
      </c>
      <c r="B139" s="2" t="s">
        <v>126</v>
      </c>
      <c r="C139" s="2" t="s">
        <v>494</v>
      </c>
      <c r="D139" s="2" t="s">
        <v>495</v>
      </c>
      <c r="E139" s="2" t="s">
        <v>84</v>
      </c>
      <c r="F139" s="2" t="s">
        <v>496</v>
      </c>
      <c r="G139" s="3">
        <v>7</v>
      </c>
      <c r="H139" s="2" t="s">
        <v>55</v>
      </c>
      <c r="I139" s="3">
        <v>2018</v>
      </c>
      <c r="J139" s="2" t="s">
        <v>20</v>
      </c>
      <c r="K139" s="2"/>
      <c r="L139" s="2" t="s">
        <v>497</v>
      </c>
    </row>
    <row r="140" spans="1:12" ht="15.2" customHeight="1">
      <c r="A140" s="2" t="s">
        <v>432</v>
      </c>
      <c r="B140" s="2" t="s">
        <v>131</v>
      </c>
      <c r="C140" s="2" t="s">
        <v>498</v>
      </c>
      <c r="D140" s="2" t="s">
        <v>499</v>
      </c>
      <c r="E140" s="2" t="s">
        <v>84</v>
      </c>
      <c r="F140" s="2" t="s">
        <v>500</v>
      </c>
      <c r="G140" s="3">
        <v>8</v>
      </c>
      <c r="H140" s="2" t="s">
        <v>55</v>
      </c>
      <c r="I140" s="3">
        <v>2018</v>
      </c>
      <c r="J140" s="2" t="s">
        <v>20</v>
      </c>
      <c r="K140" s="2"/>
      <c r="L140" s="2" t="s">
        <v>501</v>
      </c>
    </row>
    <row r="141" spans="1:12" ht="15.2" customHeight="1">
      <c r="A141" s="2" t="s">
        <v>432</v>
      </c>
      <c r="B141" s="2" t="s">
        <v>136</v>
      </c>
      <c r="C141" s="2" t="s">
        <v>502</v>
      </c>
      <c r="D141" s="2" t="s">
        <v>503</v>
      </c>
      <c r="E141" s="2" t="s">
        <v>84</v>
      </c>
      <c r="F141" s="2" t="s">
        <v>504</v>
      </c>
      <c r="G141" s="3">
        <v>9</v>
      </c>
      <c r="H141" s="2" t="s">
        <v>55</v>
      </c>
      <c r="I141" s="3">
        <v>2018</v>
      </c>
      <c r="J141" s="2" t="s">
        <v>20</v>
      </c>
      <c r="K141" s="2"/>
      <c r="L141" s="2" t="s">
        <v>505</v>
      </c>
    </row>
    <row r="142" spans="1:12" ht="15.2" customHeight="1">
      <c r="A142" s="2" t="s">
        <v>432</v>
      </c>
      <c r="B142" s="2" t="s">
        <v>141</v>
      </c>
      <c r="C142" s="2" t="s">
        <v>506</v>
      </c>
      <c r="D142" s="2" t="s">
        <v>507</v>
      </c>
      <c r="E142" s="2" t="s">
        <v>84</v>
      </c>
      <c r="F142" s="2" t="s">
        <v>508</v>
      </c>
      <c r="G142" s="3">
        <v>5</v>
      </c>
      <c r="H142" s="2" t="s">
        <v>55</v>
      </c>
      <c r="I142" s="3">
        <v>2019</v>
      </c>
      <c r="J142" s="2" t="s">
        <v>101</v>
      </c>
      <c r="K142" s="2"/>
      <c r="L142" s="2" t="s">
        <v>509</v>
      </c>
    </row>
    <row r="143" spans="1:12" ht="15.2" customHeight="1">
      <c r="A143" s="2" t="s">
        <v>432</v>
      </c>
      <c r="B143" s="2" t="s">
        <v>147</v>
      </c>
      <c r="C143" s="2" t="s">
        <v>82</v>
      </c>
      <c r="D143" s="2" t="s">
        <v>83</v>
      </c>
      <c r="E143" s="2" t="s">
        <v>84</v>
      </c>
      <c r="F143" s="2" t="s">
        <v>85</v>
      </c>
      <c r="G143" s="3">
        <v>4</v>
      </c>
      <c r="H143" s="2" t="s">
        <v>55</v>
      </c>
      <c r="I143" s="3">
        <v>2018</v>
      </c>
      <c r="J143" s="2" t="s">
        <v>20</v>
      </c>
      <c r="K143" s="2"/>
      <c r="L143" s="2" t="s">
        <v>86</v>
      </c>
    </row>
    <row r="144" spans="1:12" ht="15.2" customHeight="1">
      <c r="A144" s="2" t="s">
        <v>432</v>
      </c>
      <c r="B144" s="2" t="s">
        <v>151</v>
      </c>
      <c r="C144" s="2" t="s">
        <v>88</v>
      </c>
      <c r="D144" s="2" t="s">
        <v>89</v>
      </c>
      <c r="E144" s="2" t="s">
        <v>84</v>
      </c>
      <c r="F144" s="2" t="s">
        <v>90</v>
      </c>
      <c r="G144" s="3">
        <v>5</v>
      </c>
      <c r="H144" s="2" t="s">
        <v>55</v>
      </c>
      <c r="I144" s="3">
        <v>2018</v>
      </c>
      <c r="J144" s="2" t="s">
        <v>20</v>
      </c>
      <c r="K144" s="2"/>
      <c r="L144" s="2" t="s">
        <v>91</v>
      </c>
    </row>
    <row r="145" spans="1:12" ht="15.2" customHeight="1">
      <c r="A145" s="2" t="s">
        <v>432</v>
      </c>
      <c r="B145" s="2" t="s">
        <v>156</v>
      </c>
      <c r="C145" s="2" t="s">
        <v>93</v>
      </c>
      <c r="D145" s="2" t="s">
        <v>94</v>
      </c>
      <c r="E145" s="2" t="s">
        <v>84</v>
      </c>
      <c r="F145" s="2" t="s">
        <v>95</v>
      </c>
      <c r="G145" s="3">
        <v>6</v>
      </c>
      <c r="H145" s="2" t="s">
        <v>55</v>
      </c>
      <c r="I145" s="3">
        <v>2018</v>
      </c>
      <c r="J145" s="2" t="s">
        <v>20</v>
      </c>
      <c r="K145" s="2"/>
      <c r="L145" s="2" t="s">
        <v>96</v>
      </c>
    </row>
    <row r="146" spans="1:12" ht="15.2" customHeight="1">
      <c r="A146" s="2" t="s">
        <v>432</v>
      </c>
      <c r="B146" s="2" t="s">
        <v>161</v>
      </c>
      <c r="C146" s="2" t="s">
        <v>98</v>
      </c>
      <c r="D146" s="2" t="s">
        <v>99</v>
      </c>
      <c r="E146" s="2" t="s">
        <v>84</v>
      </c>
      <c r="F146" s="2" t="s">
        <v>100</v>
      </c>
      <c r="G146" s="3">
        <v>4</v>
      </c>
      <c r="H146" s="2" t="s">
        <v>55</v>
      </c>
      <c r="I146" s="3">
        <v>2019</v>
      </c>
      <c r="J146" s="2" t="s">
        <v>101</v>
      </c>
      <c r="K146" s="2"/>
      <c r="L146" s="2" t="s">
        <v>102</v>
      </c>
    </row>
    <row r="147" spans="1:12" ht="15.2" customHeight="1">
      <c r="A147" s="2" t="s">
        <v>432</v>
      </c>
      <c r="B147" s="2" t="s">
        <v>166</v>
      </c>
      <c r="C147" s="2" t="s">
        <v>433</v>
      </c>
      <c r="D147" s="2" t="s">
        <v>434</v>
      </c>
      <c r="E147" s="2" t="s">
        <v>261</v>
      </c>
      <c r="F147" s="2" t="s">
        <v>435</v>
      </c>
      <c r="G147" s="3">
        <v>11</v>
      </c>
      <c r="H147" s="2" t="s">
        <v>19</v>
      </c>
      <c r="I147" s="3">
        <v>2018</v>
      </c>
      <c r="J147" s="2" t="s">
        <v>33</v>
      </c>
      <c r="K147" s="2"/>
      <c r="L147" s="2" t="s">
        <v>436</v>
      </c>
    </row>
    <row r="148" spans="1:12" ht="15.2" customHeight="1">
      <c r="A148" s="2" t="s">
        <v>432</v>
      </c>
      <c r="B148" s="2" t="s">
        <v>167</v>
      </c>
      <c r="C148" s="2" t="s">
        <v>437</v>
      </c>
      <c r="D148" s="2" t="s">
        <v>438</v>
      </c>
      <c r="E148" s="2" t="s">
        <v>261</v>
      </c>
      <c r="F148" s="2" t="s">
        <v>439</v>
      </c>
      <c r="G148" s="3">
        <v>12</v>
      </c>
      <c r="H148" s="2" t="s">
        <v>19</v>
      </c>
      <c r="I148" s="3">
        <v>2018</v>
      </c>
      <c r="J148" s="2" t="s">
        <v>33</v>
      </c>
      <c r="K148" s="2"/>
      <c r="L148" s="2" t="s">
        <v>440</v>
      </c>
    </row>
    <row r="149" spans="1:12" ht="15.2" customHeight="1">
      <c r="A149" s="2" t="s">
        <v>432</v>
      </c>
      <c r="B149" s="2" t="s">
        <v>168</v>
      </c>
      <c r="C149" s="2" t="s">
        <v>449</v>
      </c>
      <c r="D149" s="2" t="s">
        <v>450</v>
      </c>
      <c r="E149" s="2" t="s">
        <v>279</v>
      </c>
      <c r="F149" s="2" t="s">
        <v>451</v>
      </c>
      <c r="G149" s="3">
        <v>5</v>
      </c>
      <c r="H149" s="2" t="s">
        <v>360</v>
      </c>
      <c r="I149" s="3">
        <v>2009</v>
      </c>
      <c r="J149" s="2" t="s">
        <v>20</v>
      </c>
      <c r="K149" s="2"/>
      <c r="L149" s="2" t="s">
        <v>452</v>
      </c>
    </row>
    <row r="150" spans="1:12" ht="15.2" customHeight="1">
      <c r="A150" s="2" t="s">
        <v>432</v>
      </c>
      <c r="B150" s="2" t="s">
        <v>175</v>
      </c>
      <c r="C150" s="2" t="s">
        <v>453</v>
      </c>
      <c r="D150" s="2" t="s">
        <v>283</v>
      </c>
      <c r="E150" s="2" t="s">
        <v>284</v>
      </c>
      <c r="F150" s="2" t="s">
        <v>454</v>
      </c>
      <c r="G150" s="3">
        <v>5</v>
      </c>
      <c r="H150" s="2" t="s">
        <v>108</v>
      </c>
      <c r="I150" s="3">
        <v>2011</v>
      </c>
      <c r="J150" s="2" t="s">
        <v>33</v>
      </c>
      <c r="K150" s="2"/>
      <c r="L150" s="2" t="s">
        <v>455</v>
      </c>
    </row>
    <row r="151" spans="1:12" ht="15.2" customHeight="1">
      <c r="A151" s="2" t="s">
        <v>432</v>
      </c>
      <c r="B151" s="2" t="s">
        <v>180</v>
      </c>
      <c r="C151" s="2" t="s">
        <v>456</v>
      </c>
      <c r="D151" s="2"/>
      <c r="E151" s="2" t="s">
        <v>289</v>
      </c>
      <c r="F151" s="2" t="s">
        <v>457</v>
      </c>
      <c r="G151" s="3">
        <v>4</v>
      </c>
      <c r="H151" s="2" t="s">
        <v>108</v>
      </c>
      <c r="I151" s="3">
        <v>2019</v>
      </c>
      <c r="J151" s="2" t="s">
        <v>20</v>
      </c>
      <c r="K151" s="2"/>
      <c r="L151" s="2" t="s">
        <v>458</v>
      </c>
    </row>
    <row r="152" spans="1:12" ht="15.2" customHeight="1">
      <c r="A152" s="2" t="s">
        <v>510</v>
      </c>
      <c r="B152" s="2" t="s">
        <v>14</v>
      </c>
      <c r="C152" s="2" t="s">
        <v>511</v>
      </c>
      <c r="D152" s="2" t="s">
        <v>512</v>
      </c>
      <c r="E152" s="2" t="s">
        <v>261</v>
      </c>
      <c r="F152" s="2" t="s">
        <v>513</v>
      </c>
      <c r="G152" s="3">
        <v>13</v>
      </c>
      <c r="H152" s="2" t="s">
        <v>19</v>
      </c>
      <c r="I152" s="3">
        <v>2018</v>
      </c>
      <c r="J152" s="2" t="s">
        <v>33</v>
      </c>
      <c r="K152" s="2"/>
      <c r="L152" s="2" t="s">
        <v>514</v>
      </c>
    </row>
    <row r="153" spans="1:12" ht="15.2" customHeight="1">
      <c r="A153" s="2" t="s">
        <v>510</v>
      </c>
      <c r="B153" s="2" t="s">
        <v>22</v>
      </c>
      <c r="C153" s="2" t="s">
        <v>515</v>
      </c>
      <c r="D153" s="2" t="s">
        <v>516</v>
      </c>
      <c r="E153" s="2" t="s">
        <v>261</v>
      </c>
      <c r="F153" s="2" t="s">
        <v>517</v>
      </c>
      <c r="G153" s="3">
        <v>14</v>
      </c>
      <c r="H153" s="2" t="s">
        <v>19</v>
      </c>
      <c r="I153" s="3">
        <v>2018</v>
      </c>
      <c r="J153" s="2" t="s">
        <v>33</v>
      </c>
      <c r="K153" s="2"/>
      <c r="L153" s="2" t="s">
        <v>518</v>
      </c>
    </row>
    <row r="154" spans="1:12" ht="15.2" customHeight="1">
      <c r="A154" s="2" t="s">
        <v>510</v>
      </c>
      <c r="B154" s="2" t="s">
        <v>27</v>
      </c>
      <c r="C154" s="2" t="s">
        <v>519</v>
      </c>
      <c r="D154" s="2" t="s">
        <v>520</v>
      </c>
      <c r="E154" s="2" t="s">
        <v>270</v>
      </c>
      <c r="F154" s="2" t="s">
        <v>521</v>
      </c>
      <c r="G154" s="3">
        <v>13</v>
      </c>
      <c r="H154" s="2" t="s">
        <v>522</v>
      </c>
      <c r="I154" s="3">
        <v>2006</v>
      </c>
      <c r="J154" s="2" t="s">
        <v>33</v>
      </c>
      <c r="K154" s="2"/>
      <c r="L154" s="2" t="s">
        <v>523</v>
      </c>
    </row>
    <row r="155" spans="1:12" ht="15.2" customHeight="1">
      <c r="A155" s="2" t="s">
        <v>510</v>
      </c>
      <c r="B155" s="2" t="s">
        <v>40</v>
      </c>
      <c r="C155" s="2" t="s">
        <v>524</v>
      </c>
      <c r="D155" s="2" t="s">
        <v>525</v>
      </c>
      <c r="E155" s="2" t="s">
        <v>270</v>
      </c>
      <c r="F155" s="2" t="s">
        <v>526</v>
      </c>
      <c r="G155" s="3">
        <v>8</v>
      </c>
      <c r="H155" s="2" t="s">
        <v>173</v>
      </c>
      <c r="I155" s="3">
        <v>2006</v>
      </c>
      <c r="J155" s="2" t="s">
        <v>33</v>
      </c>
      <c r="K155" s="2"/>
      <c r="L155" s="2" t="s">
        <v>527</v>
      </c>
    </row>
    <row r="156" spans="1:12" ht="15.2" customHeight="1">
      <c r="A156" s="2" t="s">
        <v>510</v>
      </c>
      <c r="B156" s="2" t="s">
        <v>50</v>
      </c>
      <c r="C156" s="2" t="s">
        <v>528</v>
      </c>
      <c r="D156" s="2" t="s">
        <v>529</v>
      </c>
      <c r="E156" s="2" t="s">
        <v>279</v>
      </c>
      <c r="F156" s="2" t="s">
        <v>530</v>
      </c>
      <c r="G156" s="3">
        <v>6</v>
      </c>
      <c r="H156" s="2" t="s">
        <v>360</v>
      </c>
      <c r="I156" s="3">
        <v>2009</v>
      </c>
      <c r="J156" s="2" t="s">
        <v>20</v>
      </c>
      <c r="K156" s="2"/>
      <c r="L156" s="2" t="s">
        <v>531</v>
      </c>
    </row>
    <row r="157" spans="1:12" ht="15.2" customHeight="1">
      <c r="A157" s="2" t="s">
        <v>510</v>
      </c>
      <c r="B157" s="2" t="s">
        <v>57</v>
      </c>
      <c r="C157" s="2" t="s">
        <v>532</v>
      </c>
      <c r="D157" s="2" t="s">
        <v>533</v>
      </c>
      <c r="E157" s="2" t="s">
        <v>279</v>
      </c>
      <c r="F157" s="2" t="s">
        <v>534</v>
      </c>
      <c r="G157" s="3">
        <v>1</v>
      </c>
      <c r="H157" s="2" t="s">
        <v>145</v>
      </c>
      <c r="I157" s="3">
        <v>2009</v>
      </c>
      <c r="J157" s="2" t="s">
        <v>20</v>
      </c>
      <c r="K157" s="2"/>
      <c r="L157" s="2" t="s">
        <v>368</v>
      </c>
    </row>
    <row r="158" spans="1:12" ht="15.2" customHeight="1">
      <c r="A158" s="2" t="s">
        <v>510</v>
      </c>
      <c r="B158" s="2" t="s">
        <v>65</v>
      </c>
      <c r="C158" s="2" t="s">
        <v>535</v>
      </c>
      <c r="D158" s="2"/>
      <c r="E158" s="2" t="s">
        <v>289</v>
      </c>
      <c r="F158" s="2" t="s">
        <v>536</v>
      </c>
      <c r="G158" s="3">
        <v>6</v>
      </c>
      <c r="H158" s="2" t="s">
        <v>108</v>
      </c>
      <c r="I158" s="3">
        <v>2019</v>
      </c>
      <c r="J158" s="2" t="s">
        <v>20</v>
      </c>
      <c r="K158" s="2"/>
      <c r="L158" s="2" t="s">
        <v>537</v>
      </c>
    </row>
    <row r="159" spans="1:12" ht="15.2" customHeight="1">
      <c r="A159" s="2" t="s">
        <v>510</v>
      </c>
      <c r="B159" s="2" t="s">
        <v>70</v>
      </c>
      <c r="C159" s="2" t="s">
        <v>538</v>
      </c>
      <c r="D159" s="2" t="s">
        <v>539</v>
      </c>
      <c r="E159" s="2" t="s">
        <v>294</v>
      </c>
      <c r="F159" s="2" t="s">
        <v>540</v>
      </c>
      <c r="G159" s="3">
        <v>10</v>
      </c>
      <c r="H159" s="2" t="s">
        <v>108</v>
      </c>
      <c r="I159" s="3">
        <v>2013</v>
      </c>
      <c r="J159" s="2" t="s">
        <v>33</v>
      </c>
      <c r="K159" s="2"/>
      <c r="L159" s="2" t="s">
        <v>541</v>
      </c>
    </row>
    <row r="160" spans="1:12" ht="15.2" customHeight="1">
      <c r="A160" s="2" t="s">
        <v>510</v>
      </c>
      <c r="B160" s="2" t="s">
        <v>76</v>
      </c>
      <c r="C160" s="2" t="s">
        <v>542</v>
      </c>
      <c r="D160" s="2" t="s">
        <v>543</v>
      </c>
      <c r="E160" s="2" t="s">
        <v>544</v>
      </c>
      <c r="F160" s="2" t="s">
        <v>545</v>
      </c>
      <c r="G160" s="3">
        <v>7</v>
      </c>
      <c r="H160" s="2" t="s">
        <v>55</v>
      </c>
      <c r="I160" s="3">
        <v>2018</v>
      </c>
      <c r="J160" s="2" t="s">
        <v>33</v>
      </c>
      <c r="K160" s="2"/>
      <c r="L160" s="2" t="s">
        <v>546</v>
      </c>
    </row>
    <row r="161" spans="1:12" ht="15.2" customHeight="1">
      <c r="A161" s="2" t="s">
        <v>510</v>
      </c>
      <c r="B161" s="2" t="s">
        <v>81</v>
      </c>
      <c r="C161" s="2" t="s">
        <v>547</v>
      </c>
      <c r="D161" s="2" t="s">
        <v>548</v>
      </c>
      <c r="E161" s="2" t="s">
        <v>544</v>
      </c>
      <c r="F161" s="2" t="s">
        <v>549</v>
      </c>
      <c r="G161" s="3">
        <v>8</v>
      </c>
      <c r="H161" s="2" t="s">
        <v>55</v>
      </c>
      <c r="I161" s="3">
        <v>2018</v>
      </c>
      <c r="J161" s="2" t="s">
        <v>33</v>
      </c>
      <c r="K161" s="2"/>
      <c r="L161" s="2" t="s">
        <v>550</v>
      </c>
    </row>
    <row r="162" spans="1:12" ht="15.2" customHeight="1">
      <c r="A162" s="2" t="s">
        <v>510</v>
      </c>
      <c r="B162" s="2" t="s">
        <v>87</v>
      </c>
      <c r="C162" s="2" t="s">
        <v>551</v>
      </c>
      <c r="D162" s="2" t="s">
        <v>552</v>
      </c>
      <c r="E162" s="2" t="s">
        <v>544</v>
      </c>
      <c r="F162" s="2" t="s">
        <v>553</v>
      </c>
      <c r="G162" s="3">
        <v>9</v>
      </c>
      <c r="H162" s="2" t="s">
        <v>55</v>
      </c>
      <c r="I162" s="3">
        <v>2018</v>
      </c>
      <c r="J162" s="2" t="s">
        <v>33</v>
      </c>
      <c r="K162" s="2"/>
      <c r="L162" s="2" t="s">
        <v>554</v>
      </c>
    </row>
    <row r="163" spans="1:12" ht="15.2" customHeight="1">
      <c r="A163" s="2" t="s">
        <v>510</v>
      </c>
      <c r="B163" s="2" t="s">
        <v>92</v>
      </c>
      <c r="C163" s="2" t="s">
        <v>555</v>
      </c>
      <c r="D163" s="2" t="s">
        <v>556</v>
      </c>
      <c r="E163" s="2" t="s">
        <v>544</v>
      </c>
      <c r="F163" s="2" t="s">
        <v>557</v>
      </c>
      <c r="G163" s="3">
        <v>10</v>
      </c>
      <c r="H163" s="2" t="s">
        <v>55</v>
      </c>
      <c r="I163" s="3">
        <v>2018</v>
      </c>
      <c r="J163" s="2" t="s">
        <v>33</v>
      </c>
      <c r="K163" s="2"/>
      <c r="L163" s="2" t="s">
        <v>558</v>
      </c>
    </row>
    <row r="164" spans="1:12" ht="15.2" customHeight="1">
      <c r="A164" s="2" t="s">
        <v>510</v>
      </c>
      <c r="B164" s="2" t="s">
        <v>97</v>
      </c>
      <c r="C164" s="2" t="s">
        <v>559</v>
      </c>
      <c r="D164" s="2" t="s">
        <v>560</v>
      </c>
      <c r="E164" s="2" t="s">
        <v>544</v>
      </c>
      <c r="F164" s="2" t="s">
        <v>561</v>
      </c>
      <c r="G164" s="3">
        <v>1</v>
      </c>
      <c r="H164" s="2" t="s">
        <v>55</v>
      </c>
      <c r="I164" s="3">
        <v>2018</v>
      </c>
      <c r="J164" s="2" t="s">
        <v>33</v>
      </c>
      <c r="K164" s="2"/>
      <c r="L164" s="2" t="s">
        <v>562</v>
      </c>
    </row>
    <row r="165" spans="1:12" ht="15.2" customHeight="1">
      <c r="A165" s="2" t="s">
        <v>510</v>
      </c>
      <c r="B165" s="2" t="s">
        <v>103</v>
      </c>
      <c r="C165" s="2" t="s">
        <v>563</v>
      </c>
      <c r="D165" s="2" t="s">
        <v>564</v>
      </c>
      <c r="E165" s="2" t="s">
        <v>321</v>
      </c>
      <c r="F165" s="2" t="s">
        <v>565</v>
      </c>
      <c r="G165" s="3">
        <v>1</v>
      </c>
      <c r="H165" s="2" t="s">
        <v>145</v>
      </c>
      <c r="I165" s="3">
        <v>2018</v>
      </c>
      <c r="J165" s="2" t="s">
        <v>20</v>
      </c>
      <c r="K165" s="2"/>
      <c r="L165" s="2" t="s">
        <v>566</v>
      </c>
    </row>
    <row r="166" spans="1:12" ht="15.2" customHeight="1">
      <c r="A166" s="2" t="s">
        <v>510</v>
      </c>
      <c r="B166" s="2" t="s">
        <v>110</v>
      </c>
      <c r="C166" s="2" t="s">
        <v>567</v>
      </c>
      <c r="D166" s="2" t="s">
        <v>568</v>
      </c>
      <c r="E166" s="2" t="s">
        <v>321</v>
      </c>
      <c r="F166" s="2" t="s">
        <v>569</v>
      </c>
      <c r="G166" s="3">
        <v>2</v>
      </c>
      <c r="H166" s="2" t="s">
        <v>145</v>
      </c>
      <c r="I166" s="3">
        <v>2018</v>
      </c>
      <c r="J166" s="2" t="s">
        <v>20</v>
      </c>
      <c r="K166" s="2"/>
      <c r="L166" s="2" t="s">
        <v>570</v>
      </c>
    </row>
    <row r="167" spans="1:12" ht="15.2" customHeight="1">
      <c r="A167" s="2" t="s">
        <v>510</v>
      </c>
      <c r="B167" s="2" t="s">
        <v>116</v>
      </c>
      <c r="C167" s="2" t="s">
        <v>571</v>
      </c>
      <c r="D167" s="2" t="s">
        <v>572</v>
      </c>
      <c r="E167" s="2" t="s">
        <v>573</v>
      </c>
      <c r="F167" s="2" t="s">
        <v>574</v>
      </c>
      <c r="G167" s="3">
        <v>1</v>
      </c>
      <c r="H167" s="2" t="s">
        <v>55</v>
      </c>
      <c r="I167" s="3">
        <v>2019</v>
      </c>
      <c r="J167" s="2" t="s">
        <v>20</v>
      </c>
      <c r="K167" s="2"/>
      <c r="L167" s="2" t="s">
        <v>575</v>
      </c>
    </row>
    <row r="168" spans="1:12" ht="15.2" customHeight="1">
      <c r="A168" s="2" t="s">
        <v>510</v>
      </c>
      <c r="B168" s="2" t="s">
        <v>121</v>
      </c>
      <c r="C168" s="2" t="s">
        <v>117</v>
      </c>
      <c r="D168" s="2" t="s">
        <v>118</v>
      </c>
      <c r="E168" s="2" t="s">
        <v>113</v>
      </c>
      <c r="F168" s="2" t="s">
        <v>119</v>
      </c>
      <c r="G168" s="3">
        <v>2</v>
      </c>
      <c r="H168" s="2" t="s">
        <v>55</v>
      </c>
      <c r="I168" s="3">
        <v>2019</v>
      </c>
      <c r="J168" s="2" t="s">
        <v>20</v>
      </c>
      <c r="K168" s="2"/>
      <c r="L168" s="2" t="s">
        <v>120</v>
      </c>
    </row>
    <row r="169" spans="1:12" s="8" customFormat="1" ht="15.2" customHeight="1">
      <c r="A169" s="7" t="s">
        <v>510</v>
      </c>
      <c r="B169" s="7" t="s">
        <v>126</v>
      </c>
      <c r="C169" s="7" t="s">
        <v>576</v>
      </c>
      <c r="D169" s="7" t="s">
        <v>577</v>
      </c>
      <c r="E169" s="7" t="s">
        <v>578</v>
      </c>
      <c r="F169" s="7" t="s">
        <v>579</v>
      </c>
      <c r="G169" s="7">
        <v>1</v>
      </c>
      <c r="H169" s="7" t="s">
        <v>173</v>
      </c>
      <c r="I169" s="7">
        <v>2019</v>
      </c>
      <c r="J169" s="7" t="s">
        <v>20</v>
      </c>
      <c r="K169" s="7"/>
      <c r="L169" s="7" t="s">
        <v>580</v>
      </c>
    </row>
    <row r="170" spans="1:12" ht="15.2" customHeight="1">
      <c r="A170" s="2" t="s">
        <v>510</v>
      </c>
      <c r="B170" s="2" t="s">
        <v>131</v>
      </c>
      <c r="C170" s="2" t="s">
        <v>581</v>
      </c>
      <c r="D170" s="2" t="s">
        <v>582</v>
      </c>
      <c r="E170" s="2" t="s">
        <v>583</v>
      </c>
      <c r="F170" s="2" t="s">
        <v>584</v>
      </c>
      <c r="G170" s="3">
        <v>1</v>
      </c>
      <c r="H170" s="2" t="s">
        <v>55</v>
      </c>
      <c r="I170" s="3">
        <v>2018</v>
      </c>
      <c r="J170" s="2" t="s">
        <v>20</v>
      </c>
      <c r="K170" s="2"/>
      <c r="L170" s="2" t="s">
        <v>585</v>
      </c>
    </row>
    <row r="171" spans="1:12" ht="15.2" customHeight="1">
      <c r="A171" s="2" t="s">
        <v>510</v>
      </c>
      <c r="B171" s="2" t="s">
        <v>136</v>
      </c>
      <c r="C171" s="2" t="s">
        <v>586</v>
      </c>
      <c r="D171" s="2" t="s">
        <v>587</v>
      </c>
      <c r="E171" s="2" t="s">
        <v>171</v>
      </c>
      <c r="F171" s="2" t="s">
        <v>588</v>
      </c>
      <c r="G171" s="3">
        <v>1</v>
      </c>
      <c r="H171" s="2" t="s">
        <v>145</v>
      </c>
      <c r="I171" s="3">
        <v>2019</v>
      </c>
      <c r="J171" s="2" t="s">
        <v>33</v>
      </c>
      <c r="K171" s="2"/>
      <c r="L171" s="2" t="s">
        <v>589</v>
      </c>
    </row>
    <row r="172" spans="1:12" ht="15.2" customHeight="1">
      <c r="A172" s="2" t="s">
        <v>510</v>
      </c>
      <c r="B172" s="2" t="s">
        <v>141</v>
      </c>
      <c r="C172" s="2" t="s">
        <v>590</v>
      </c>
      <c r="D172" s="2" t="s">
        <v>591</v>
      </c>
      <c r="E172" s="2" t="s">
        <v>171</v>
      </c>
      <c r="F172" s="2" t="s">
        <v>592</v>
      </c>
      <c r="G172" s="3">
        <v>9</v>
      </c>
      <c r="H172" s="2" t="s">
        <v>145</v>
      </c>
      <c r="I172" s="3">
        <v>2019</v>
      </c>
      <c r="J172" s="2" t="s">
        <v>33</v>
      </c>
      <c r="K172" s="2"/>
      <c r="L172" s="2" t="s">
        <v>593</v>
      </c>
    </row>
    <row r="173" spans="1:12" ht="15.2" customHeight="1">
      <c r="A173" s="2" t="s">
        <v>510</v>
      </c>
      <c r="B173" s="2" t="s">
        <v>147</v>
      </c>
      <c r="C173" s="2" t="s">
        <v>169</v>
      </c>
      <c r="D173" s="2" t="s">
        <v>170</v>
      </c>
      <c r="E173" s="2" t="s">
        <v>171</v>
      </c>
      <c r="F173" s="2" t="s">
        <v>172</v>
      </c>
      <c r="G173" s="3">
        <v>10</v>
      </c>
      <c r="H173" s="2" t="s">
        <v>173</v>
      </c>
      <c r="I173" s="3">
        <v>2020</v>
      </c>
      <c r="J173" s="2" t="s">
        <v>33</v>
      </c>
      <c r="K173" s="2"/>
      <c r="L173" s="2" t="s">
        <v>174</v>
      </c>
    </row>
    <row r="174" spans="1:12" ht="15.2" customHeight="1">
      <c r="A174" s="2" t="s">
        <v>510</v>
      </c>
      <c r="B174" s="2" t="s">
        <v>151</v>
      </c>
      <c r="C174" s="2" t="s">
        <v>176</v>
      </c>
      <c r="D174" s="2" t="s">
        <v>177</v>
      </c>
      <c r="E174" s="2" t="s">
        <v>171</v>
      </c>
      <c r="F174" s="2" t="s">
        <v>178</v>
      </c>
      <c r="G174" s="3">
        <v>9</v>
      </c>
      <c r="H174" s="2" t="s">
        <v>173</v>
      </c>
      <c r="I174" s="3">
        <v>2020</v>
      </c>
      <c r="J174" s="2" t="s">
        <v>33</v>
      </c>
      <c r="K174" s="2"/>
      <c r="L174" s="2" t="s">
        <v>179</v>
      </c>
    </row>
    <row r="175" spans="1:12" ht="15.2" customHeight="1">
      <c r="A175" s="2" t="s">
        <v>510</v>
      </c>
      <c r="B175" s="2" t="s">
        <v>156</v>
      </c>
      <c r="C175" s="2" t="s">
        <v>222</v>
      </c>
      <c r="D175" s="2" t="s">
        <v>223</v>
      </c>
      <c r="E175" s="2" t="s">
        <v>171</v>
      </c>
      <c r="F175" s="2" t="s">
        <v>224</v>
      </c>
      <c r="G175" s="3">
        <v>6</v>
      </c>
      <c r="H175" s="2" t="s">
        <v>145</v>
      </c>
      <c r="I175" s="3">
        <v>2019</v>
      </c>
      <c r="J175" s="2" t="s">
        <v>33</v>
      </c>
      <c r="K175" s="2"/>
      <c r="L175" s="2" t="s">
        <v>225</v>
      </c>
    </row>
    <row r="176" spans="1:12" ht="15.2" customHeight="1">
      <c r="A176" s="2" t="s">
        <v>510</v>
      </c>
      <c r="B176" s="2" t="s">
        <v>161</v>
      </c>
      <c r="C176" s="2" t="s">
        <v>226</v>
      </c>
      <c r="D176" s="2" t="s">
        <v>227</v>
      </c>
      <c r="E176" s="2" t="s">
        <v>171</v>
      </c>
      <c r="F176" s="2" t="s">
        <v>228</v>
      </c>
      <c r="G176" s="3">
        <v>2</v>
      </c>
      <c r="H176" s="2" t="s">
        <v>145</v>
      </c>
      <c r="I176" s="3">
        <v>2019</v>
      </c>
      <c r="J176" s="2" t="s">
        <v>33</v>
      </c>
      <c r="K176" s="2"/>
      <c r="L176" s="2" t="s">
        <v>229</v>
      </c>
    </row>
    <row r="177" spans="1:12" ht="15.2" customHeight="1">
      <c r="A177" s="2" t="s">
        <v>510</v>
      </c>
      <c r="B177" s="2" t="s">
        <v>166</v>
      </c>
      <c r="C177" s="2" t="s">
        <v>511</v>
      </c>
      <c r="D177" s="2" t="s">
        <v>512</v>
      </c>
      <c r="E177" s="2" t="s">
        <v>261</v>
      </c>
      <c r="F177" s="2" t="s">
        <v>513</v>
      </c>
      <c r="G177" s="3">
        <v>13</v>
      </c>
      <c r="H177" s="2" t="s">
        <v>19</v>
      </c>
      <c r="I177" s="3">
        <v>2018</v>
      </c>
      <c r="J177" s="2" t="s">
        <v>33</v>
      </c>
      <c r="K177" s="2"/>
      <c r="L177" s="2" t="s">
        <v>514</v>
      </c>
    </row>
    <row r="178" spans="1:12" ht="15.2" customHeight="1">
      <c r="A178" s="2" t="s">
        <v>510</v>
      </c>
      <c r="B178" s="2" t="s">
        <v>167</v>
      </c>
      <c r="C178" s="2" t="s">
        <v>515</v>
      </c>
      <c r="D178" s="2" t="s">
        <v>516</v>
      </c>
      <c r="E178" s="2" t="s">
        <v>261</v>
      </c>
      <c r="F178" s="2" t="s">
        <v>517</v>
      </c>
      <c r="G178" s="3">
        <v>14</v>
      </c>
      <c r="H178" s="2" t="s">
        <v>19</v>
      </c>
      <c r="I178" s="3">
        <v>2018</v>
      </c>
      <c r="J178" s="2" t="s">
        <v>33</v>
      </c>
      <c r="K178" s="2"/>
      <c r="L178" s="2" t="s">
        <v>518</v>
      </c>
    </row>
    <row r="179" spans="1:12" ht="15.2" customHeight="1">
      <c r="A179" s="2" t="s">
        <v>510</v>
      </c>
      <c r="B179" s="2" t="s">
        <v>168</v>
      </c>
      <c r="C179" s="2" t="s">
        <v>528</v>
      </c>
      <c r="D179" s="2" t="s">
        <v>529</v>
      </c>
      <c r="E179" s="2" t="s">
        <v>279</v>
      </c>
      <c r="F179" s="2" t="s">
        <v>530</v>
      </c>
      <c r="G179" s="3">
        <v>6</v>
      </c>
      <c r="H179" s="2" t="s">
        <v>360</v>
      </c>
      <c r="I179" s="3">
        <v>2009</v>
      </c>
      <c r="J179" s="2" t="s">
        <v>20</v>
      </c>
      <c r="K179" s="2"/>
      <c r="L179" s="2" t="s">
        <v>531</v>
      </c>
    </row>
    <row r="180" spans="1:12" ht="15.2" customHeight="1">
      <c r="A180" s="2" t="s">
        <v>510</v>
      </c>
      <c r="B180" s="2" t="s">
        <v>175</v>
      </c>
      <c r="C180" s="2" t="s">
        <v>532</v>
      </c>
      <c r="D180" s="2" t="s">
        <v>533</v>
      </c>
      <c r="E180" s="2" t="s">
        <v>279</v>
      </c>
      <c r="F180" s="2" t="s">
        <v>534</v>
      </c>
      <c r="G180" s="3">
        <v>1</v>
      </c>
      <c r="H180" s="2" t="s">
        <v>145</v>
      </c>
      <c r="I180" s="3">
        <v>2009</v>
      </c>
      <c r="J180" s="2" t="s">
        <v>20</v>
      </c>
      <c r="K180" s="2"/>
      <c r="L180" s="2" t="s">
        <v>368</v>
      </c>
    </row>
    <row r="181" spans="1:12" ht="15.2" customHeight="1">
      <c r="A181" s="2" t="s">
        <v>510</v>
      </c>
      <c r="B181" s="2" t="s">
        <v>180</v>
      </c>
      <c r="C181" s="2" t="s">
        <v>535</v>
      </c>
      <c r="D181" s="2"/>
      <c r="E181" s="2" t="s">
        <v>289</v>
      </c>
      <c r="F181" s="2" t="s">
        <v>536</v>
      </c>
      <c r="G181" s="3">
        <v>6</v>
      </c>
      <c r="H181" s="2" t="s">
        <v>108</v>
      </c>
      <c r="I181" s="3">
        <v>2019</v>
      </c>
      <c r="J181" s="2" t="s">
        <v>20</v>
      </c>
      <c r="K181" s="2"/>
      <c r="L181" s="2" t="s">
        <v>537</v>
      </c>
    </row>
    <row r="182" spans="1:12" ht="15.2" customHeight="1">
      <c r="A182" s="2" t="s">
        <v>594</v>
      </c>
      <c r="B182" s="2" t="s">
        <v>14</v>
      </c>
      <c r="C182" s="2" t="s">
        <v>595</v>
      </c>
      <c r="D182" s="2" t="s">
        <v>596</v>
      </c>
      <c r="E182" s="2" t="s">
        <v>261</v>
      </c>
      <c r="F182" s="2" t="s">
        <v>597</v>
      </c>
      <c r="G182" s="3">
        <v>15</v>
      </c>
      <c r="H182" s="2" t="s">
        <v>19</v>
      </c>
      <c r="I182" s="3">
        <v>2018</v>
      </c>
      <c r="J182" s="2" t="s">
        <v>33</v>
      </c>
      <c r="K182" s="2"/>
      <c r="L182" s="2" t="s">
        <v>598</v>
      </c>
    </row>
    <row r="183" spans="1:12" ht="15.2" customHeight="1">
      <c r="A183" s="2" t="s">
        <v>594</v>
      </c>
      <c r="B183" s="2" t="s">
        <v>22</v>
      </c>
      <c r="C183" s="2" t="s">
        <v>599</v>
      </c>
      <c r="D183" s="2" t="s">
        <v>600</v>
      </c>
      <c r="E183" s="2" t="s">
        <v>261</v>
      </c>
      <c r="F183" s="2" t="s">
        <v>601</v>
      </c>
      <c r="G183" s="3">
        <v>16</v>
      </c>
      <c r="H183" s="2" t="s">
        <v>19</v>
      </c>
      <c r="I183" s="3">
        <v>2018</v>
      </c>
      <c r="J183" s="2" t="s">
        <v>33</v>
      </c>
      <c r="K183" s="2"/>
      <c r="L183" s="2" t="s">
        <v>602</v>
      </c>
    </row>
    <row r="184" spans="1:12" ht="15.2" customHeight="1">
      <c r="A184" s="2" t="s">
        <v>594</v>
      </c>
      <c r="B184" s="2" t="s">
        <v>27</v>
      </c>
      <c r="C184" s="2" t="s">
        <v>603</v>
      </c>
      <c r="D184" s="2" t="s">
        <v>604</v>
      </c>
      <c r="E184" s="2" t="s">
        <v>605</v>
      </c>
      <c r="F184" s="2" t="s">
        <v>606</v>
      </c>
      <c r="G184" s="3">
        <v>1</v>
      </c>
      <c r="H184" s="2" t="s">
        <v>55</v>
      </c>
      <c r="I184" s="3">
        <v>2017</v>
      </c>
      <c r="J184" s="2" t="s">
        <v>33</v>
      </c>
      <c r="K184" s="2"/>
      <c r="L184" s="2" t="s">
        <v>607</v>
      </c>
    </row>
    <row r="185" spans="1:12" ht="15.2" customHeight="1">
      <c r="A185" s="2" t="s">
        <v>594</v>
      </c>
      <c r="B185" s="2" t="s">
        <v>40</v>
      </c>
      <c r="C185" s="2" t="s">
        <v>608</v>
      </c>
      <c r="D185" s="2" t="s">
        <v>609</v>
      </c>
      <c r="E185" s="2" t="s">
        <v>270</v>
      </c>
      <c r="F185" s="2" t="s">
        <v>610</v>
      </c>
      <c r="G185" s="3">
        <v>9</v>
      </c>
      <c r="H185" s="2" t="s">
        <v>173</v>
      </c>
      <c r="I185" s="3">
        <v>2006</v>
      </c>
      <c r="J185" s="2" t="s">
        <v>33</v>
      </c>
      <c r="K185" s="2"/>
      <c r="L185" s="2" t="s">
        <v>611</v>
      </c>
    </row>
    <row r="186" spans="1:12" ht="15.2" customHeight="1">
      <c r="A186" s="2" t="s">
        <v>594</v>
      </c>
      <c r="B186" s="2" t="s">
        <v>50</v>
      </c>
      <c r="C186" s="2" t="s">
        <v>612</v>
      </c>
      <c r="D186" s="2" t="s">
        <v>613</v>
      </c>
      <c r="E186" s="2" t="s">
        <v>279</v>
      </c>
      <c r="F186" s="2" t="s">
        <v>614</v>
      </c>
      <c r="G186" s="3">
        <v>7</v>
      </c>
      <c r="H186" s="2" t="s">
        <v>145</v>
      </c>
      <c r="I186" s="3">
        <v>2009</v>
      </c>
      <c r="J186" s="2" t="s">
        <v>20</v>
      </c>
      <c r="K186" s="2"/>
      <c r="L186" s="2" t="s">
        <v>615</v>
      </c>
    </row>
    <row r="187" spans="1:12" ht="15.2" customHeight="1">
      <c r="A187" s="2" t="s">
        <v>594</v>
      </c>
      <c r="B187" s="2" t="s">
        <v>57</v>
      </c>
      <c r="C187" s="2" t="s">
        <v>616</v>
      </c>
      <c r="D187" s="2" t="s">
        <v>617</v>
      </c>
      <c r="E187" s="2" t="s">
        <v>279</v>
      </c>
      <c r="F187" s="2" t="s">
        <v>618</v>
      </c>
      <c r="G187" s="3">
        <v>2</v>
      </c>
      <c r="H187" s="2" t="s">
        <v>360</v>
      </c>
      <c r="I187" s="3">
        <v>2009</v>
      </c>
      <c r="J187" s="2" t="s">
        <v>20</v>
      </c>
      <c r="K187" s="2"/>
      <c r="L187" s="2" t="s">
        <v>619</v>
      </c>
    </row>
    <row r="188" spans="1:12" ht="15.2" customHeight="1">
      <c r="A188" s="2" t="s">
        <v>594</v>
      </c>
      <c r="B188" s="2" t="s">
        <v>65</v>
      </c>
      <c r="C188" s="2" t="s">
        <v>620</v>
      </c>
      <c r="D188" s="2"/>
      <c r="E188" s="2" t="s">
        <v>289</v>
      </c>
      <c r="F188" s="2" t="s">
        <v>621</v>
      </c>
      <c r="G188" s="3">
        <v>5</v>
      </c>
      <c r="H188" s="2" t="s">
        <v>108</v>
      </c>
      <c r="I188" s="3">
        <v>2019</v>
      </c>
      <c r="J188" s="2" t="s">
        <v>20</v>
      </c>
      <c r="K188" s="2"/>
      <c r="L188" s="2" t="s">
        <v>622</v>
      </c>
    </row>
    <row r="189" spans="1:12" ht="15.2" customHeight="1">
      <c r="A189" s="2" t="s">
        <v>594</v>
      </c>
      <c r="B189" s="2" t="s">
        <v>70</v>
      </c>
      <c r="C189" s="2" t="s">
        <v>623</v>
      </c>
      <c r="D189" s="2" t="s">
        <v>624</v>
      </c>
      <c r="E189" s="2" t="s">
        <v>289</v>
      </c>
      <c r="F189" s="2" t="s">
        <v>625</v>
      </c>
      <c r="G189" s="3">
        <v>1</v>
      </c>
      <c r="H189" s="2" t="s">
        <v>108</v>
      </c>
      <c r="I189" s="3">
        <v>2019</v>
      </c>
      <c r="J189" s="2" t="s">
        <v>20</v>
      </c>
      <c r="K189" s="2"/>
      <c r="L189" s="2" t="s">
        <v>626</v>
      </c>
    </row>
    <row r="190" spans="1:12" ht="15.2" customHeight="1">
      <c r="A190" s="2" t="s">
        <v>594</v>
      </c>
      <c r="B190" s="2" t="s">
        <v>76</v>
      </c>
      <c r="C190" s="2" t="s">
        <v>627</v>
      </c>
      <c r="D190" s="2" t="s">
        <v>628</v>
      </c>
      <c r="E190" s="2" t="s">
        <v>629</v>
      </c>
      <c r="F190" s="2" t="s">
        <v>630</v>
      </c>
      <c r="G190" s="3">
        <v>4</v>
      </c>
      <c r="H190" s="2" t="s">
        <v>55</v>
      </c>
      <c r="I190" s="3">
        <v>2018</v>
      </c>
      <c r="J190" s="2" t="s">
        <v>101</v>
      </c>
      <c r="K190" s="2"/>
      <c r="L190" s="2" t="s">
        <v>631</v>
      </c>
    </row>
    <row r="191" spans="1:12" ht="15.2" customHeight="1">
      <c r="A191" s="2" t="s">
        <v>594</v>
      </c>
      <c r="B191" s="2" t="s">
        <v>81</v>
      </c>
      <c r="C191" s="2" t="s">
        <v>632</v>
      </c>
      <c r="D191" s="2" t="s">
        <v>633</v>
      </c>
      <c r="E191" s="2" t="s">
        <v>629</v>
      </c>
      <c r="F191" s="2" t="s">
        <v>634</v>
      </c>
      <c r="G191" s="3">
        <v>5</v>
      </c>
      <c r="H191" s="2" t="s">
        <v>55</v>
      </c>
      <c r="I191" s="3">
        <v>2018</v>
      </c>
      <c r="J191" s="2" t="s">
        <v>101</v>
      </c>
      <c r="K191" s="2"/>
      <c r="L191" s="2" t="s">
        <v>635</v>
      </c>
    </row>
    <row r="192" spans="1:12" ht="15.2" customHeight="1">
      <c r="A192" s="2" t="s">
        <v>594</v>
      </c>
      <c r="B192" s="2" t="s">
        <v>87</v>
      </c>
      <c r="C192" s="2" t="s">
        <v>636</v>
      </c>
      <c r="D192" s="2" t="s">
        <v>637</v>
      </c>
      <c r="E192" s="2" t="s">
        <v>629</v>
      </c>
      <c r="F192" s="2" t="s">
        <v>638</v>
      </c>
      <c r="G192" s="3">
        <v>6</v>
      </c>
      <c r="H192" s="2" t="s">
        <v>55</v>
      </c>
      <c r="I192" s="3">
        <v>2018</v>
      </c>
      <c r="J192" s="2" t="s">
        <v>101</v>
      </c>
      <c r="K192" s="2"/>
      <c r="L192" s="2" t="s">
        <v>639</v>
      </c>
    </row>
    <row r="193" spans="1:12" ht="15.2" customHeight="1">
      <c r="A193" s="2" t="s">
        <v>594</v>
      </c>
      <c r="B193" s="2" t="s">
        <v>92</v>
      </c>
      <c r="C193" s="2" t="s">
        <v>640</v>
      </c>
      <c r="D193" s="2" t="s">
        <v>641</v>
      </c>
      <c r="E193" s="2" t="s">
        <v>642</v>
      </c>
      <c r="F193" s="2" t="s">
        <v>643</v>
      </c>
      <c r="G193" s="3">
        <v>1</v>
      </c>
      <c r="H193" s="2" t="s">
        <v>644</v>
      </c>
      <c r="I193" s="3">
        <v>2018</v>
      </c>
      <c r="J193" s="2" t="s">
        <v>20</v>
      </c>
      <c r="K193" s="2"/>
      <c r="L193" s="2" t="s">
        <v>645</v>
      </c>
    </row>
    <row r="194" spans="1:12" ht="15.2" customHeight="1">
      <c r="A194" s="2" t="s">
        <v>594</v>
      </c>
      <c r="B194" s="2" t="s">
        <v>103</v>
      </c>
      <c r="C194" s="2" t="s">
        <v>646</v>
      </c>
      <c r="D194" s="2" t="s">
        <v>647</v>
      </c>
      <c r="E194" s="2" t="s">
        <v>321</v>
      </c>
      <c r="F194" s="2" t="s">
        <v>648</v>
      </c>
      <c r="G194" s="3">
        <v>3</v>
      </c>
      <c r="H194" s="2" t="s">
        <v>649</v>
      </c>
      <c r="I194" s="3">
        <v>2018</v>
      </c>
      <c r="J194" s="2" t="s">
        <v>20</v>
      </c>
      <c r="K194" s="2"/>
      <c r="L194" s="2" t="s">
        <v>650</v>
      </c>
    </row>
    <row r="195" spans="1:12" ht="15.2" customHeight="1">
      <c r="A195" s="2" t="s">
        <v>594</v>
      </c>
      <c r="B195" s="2" t="s">
        <v>110</v>
      </c>
      <c r="C195" s="2" t="s">
        <v>651</v>
      </c>
      <c r="D195" s="2" t="s">
        <v>652</v>
      </c>
      <c r="E195" s="2" t="s">
        <v>321</v>
      </c>
      <c r="F195" s="2" t="s">
        <v>653</v>
      </c>
      <c r="G195" s="3">
        <v>4</v>
      </c>
      <c r="H195" s="2" t="s">
        <v>145</v>
      </c>
      <c r="I195" s="3">
        <v>2018</v>
      </c>
      <c r="J195" s="2" t="s">
        <v>20</v>
      </c>
      <c r="K195" s="2"/>
      <c r="L195" s="2" t="s">
        <v>654</v>
      </c>
    </row>
    <row r="196" spans="1:12" ht="15.2" customHeight="1">
      <c r="A196" s="2" t="s">
        <v>594</v>
      </c>
      <c r="B196" s="2" t="s">
        <v>116</v>
      </c>
      <c r="C196" s="2" t="s">
        <v>655</v>
      </c>
      <c r="D196" s="2" t="s">
        <v>656</v>
      </c>
      <c r="E196" s="2" t="s">
        <v>573</v>
      </c>
      <c r="F196" s="2" t="s">
        <v>657</v>
      </c>
      <c r="G196" s="3">
        <v>2</v>
      </c>
      <c r="H196" s="2" t="s">
        <v>55</v>
      </c>
      <c r="I196" s="3">
        <v>2019</v>
      </c>
      <c r="J196" s="2" t="s">
        <v>20</v>
      </c>
      <c r="K196" s="2"/>
      <c r="L196" s="2" t="s">
        <v>658</v>
      </c>
    </row>
    <row r="197" spans="1:12" ht="15.2" customHeight="1">
      <c r="A197" s="2" t="s">
        <v>594</v>
      </c>
      <c r="B197" s="2" t="s">
        <v>121</v>
      </c>
      <c r="C197" s="2" t="s">
        <v>659</v>
      </c>
      <c r="D197" s="2" t="s">
        <v>660</v>
      </c>
      <c r="E197" s="2" t="s">
        <v>113</v>
      </c>
      <c r="F197" s="2" t="s">
        <v>661</v>
      </c>
      <c r="G197" s="3">
        <v>4</v>
      </c>
      <c r="H197" s="2" t="s">
        <v>108</v>
      </c>
      <c r="I197" s="3">
        <v>2019</v>
      </c>
      <c r="J197" s="2" t="s">
        <v>20</v>
      </c>
      <c r="K197" s="2"/>
      <c r="L197" s="2" t="s">
        <v>662</v>
      </c>
    </row>
    <row r="198" spans="1:12" ht="15.2" customHeight="1">
      <c r="A198" s="2" t="s">
        <v>594</v>
      </c>
      <c r="B198" s="2" t="s">
        <v>126</v>
      </c>
      <c r="C198" s="2" t="s">
        <v>663</v>
      </c>
      <c r="D198" s="2" t="s">
        <v>664</v>
      </c>
      <c r="E198" s="2" t="s">
        <v>30</v>
      </c>
      <c r="F198" s="2" t="s">
        <v>665</v>
      </c>
      <c r="G198" s="3">
        <v>1</v>
      </c>
      <c r="H198" s="2" t="s">
        <v>32</v>
      </c>
      <c r="I198" s="3">
        <v>2020</v>
      </c>
      <c r="J198" s="2" t="s">
        <v>33</v>
      </c>
      <c r="K198" s="2"/>
      <c r="L198" s="2" t="s">
        <v>666</v>
      </c>
    </row>
    <row r="199" spans="1:12" ht="15.2" customHeight="1">
      <c r="A199" s="2" t="s">
        <v>594</v>
      </c>
      <c r="B199" s="2" t="s">
        <v>667</v>
      </c>
      <c r="C199" s="2" t="s">
        <v>668</v>
      </c>
      <c r="D199" s="2" t="s">
        <v>669</v>
      </c>
      <c r="E199" s="2" t="s">
        <v>30</v>
      </c>
      <c r="F199" s="2" t="s">
        <v>670</v>
      </c>
      <c r="G199" s="3">
        <v>8</v>
      </c>
      <c r="H199" s="2" t="s">
        <v>32</v>
      </c>
      <c r="I199" s="3">
        <v>2020</v>
      </c>
      <c r="J199" s="2" t="s">
        <v>33</v>
      </c>
      <c r="K199" s="2"/>
      <c r="L199" s="2" t="s">
        <v>671</v>
      </c>
    </row>
    <row r="200" spans="1:12" ht="15.2" customHeight="1">
      <c r="A200" s="2" t="s">
        <v>594</v>
      </c>
      <c r="B200" s="2" t="s">
        <v>131</v>
      </c>
      <c r="C200" s="2" t="s">
        <v>672</v>
      </c>
      <c r="D200" s="2" t="s">
        <v>673</v>
      </c>
      <c r="E200" s="2" t="s">
        <v>30</v>
      </c>
      <c r="F200" s="2" t="s">
        <v>674</v>
      </c>
      <c r="G200" s="3">
        <v>7</v>
      </c>
      <c r="H200" s="2" t="s">
        <v>32</v>
      </c>
      <c r="I200" s="3">
        <v>2020</v>
      </c>
      <c r="J200" s="2" t="s">
        <v>33</v>
      </c>
      <c r="K200" s="2"/>
      <c r="L200" s="2" t="s">
        <v>675</v>
      </c>
    </row>
    <row r="201" spans="1:12" ht="15.2" customHeight="1">
      <c r="A201" s="2" t="s">
        <v>594</v>
      </c>
      <c r="B201" s="2" t="s">
        <v>676</v>
      </c>
      <c r="C201" s="2" t="s">
        <v>677</v>
      </c>
      <c r="D201" s="2" t="s">
        <v>678</v>
      </c>
      <c r="E201" s="2" t="s">
        <v>30</v>
      </c>
      <c r="F201" s="2" t="s">
        <v>679</v>
      </c>
      <c r="G201" s="3">
        <v>2</v>
      </c>
      <c r="H201" s="2" t="s">
        <v>32</v>
      </c>
      <c r="I201" s="3">
        <v>2020</v>
      </c>
      <c r="J201" s="2" t="s">
        <v>33</v>
      </c>
      <c r="K201" s="2"/>
      <c r="L201" s="2" t="s">
        <v>680</v>
      </c>
    </row>
    <row r="202" spans="1:12" ht="15.2" customHeight="1">
      <c r="A202" s="2" t="s">
        <v>594</v>
      </c>
      <c r="B202" s="2" t="s">
        <v>136</v>
      </c>
      <c r="C202" s="2" t="s">
        <v>681</v>
      </c>
      <c r="D202" s="2" t="s">
        <v>682</v>
      </c>
      <c r="E202" s="2" t="s">
        <v>53</v>
      </c>
      <c r="F202" s="2" t="s">
        <v>683</v>
      </c>
      <c r="G202" s="3">
        <v>58</v>
      </c>
      <c r="H202" s="2" t="s">
        <v>108</v>
      </c>
      <c r="I202" s="3">
        <v>2012</v>
      </c>
      <c r="J202" s="2" t="s">
        <v>20</v>
      </c>
      <c r="K202" s="2"/>
      <c r="L202" s="2" t="s">
        <v>684</v>
      </c>
    </row>
    <row r="203" spans="1:12" ht="15.2" customHeight="1">
      <c r="A203" s="2" t="s">
        <v>594</v>
      </c>
      <c r="B203" s="2" t="s">
        <v>141</v>
      </c>
      <c r="C203" s="2" t="s">
        <v>685</v>
      </c>
      <c r="D203" s="2" t="s">
        <v>686</v>
      </c>
      <c r="E203" s="2" t="s">
        <v>687</v>
      </c>
      <c r="F203" s="2" t="s">
        <v>688</v>
      </c>
      <c r="G203" s="3">
        <v>11</v>
      </c>
      <c r="H203" s="2" t="s">
        <v>19</v>
      </c>
      <c r="I203" s="3">
        <v>2017</v>
      </c>
      <c r="J203" s="2" t="s">
        <v>33</v>
      </c>
      <c r="K203" s="2"/>
      <c r="L203" s="2" t="s">
        <v>689</v>
      </c>
    </row>
    <row r="204" spans="1:12" ht="15.2" customHeight="1">
      <c r="A204" s="2" t="s">
        <v>594</v>
      </c>
      <c r="B204" s="2" t="s">
        <v>690</v>
      </c>
      <c r="C204" s="2" t="s">
        <v>691</v>
      </c>
      <c r="D204" s="2" t="s">
        <v>692</v>
      </c>
      <c r="E204" s="2" t="s">
        <v>687</v>
      </c>
      <c r="F204" s="2" t="s">
        <v>693</v>
      </c>
      <c r="G204" s="3">
        <v>15</v>
      </c>
      <c r="H204" s="2" t="s">
        <v>19</v>
      </c>
      <c r="I204" s="3">
        <v>2017</v>
      </c>
      <c r="J204" s="2" t="s">
        <v>33</v>
      </c>
      <c r="K204" s="2"/>
      <c r="L204" s="2" t="s">
        <v>694</v>
      </c>
    </row>
    <row r="205" spans="1:12" ht="15.2" customHeight="1">
      <c r="A205" s="2" t="s">
        <v>594</v>
      </c>
      <c r="B205" s="2" t="s">
        <v>147</v>
      </c>
      <c r="C205" s="2" t="s">
        <v>28</v>
      </c>
      <c r="D205" s="2" t="s">
        <v>29</v>
      </c>
      <c r="E205" s="2" t="s">
        <v>30</v>
      </c>
      <c r="F205" s="2" t="s">
        <v>31</v>
      </c>
      <c r="G205" s="3">
        <v>3</v>
      </c>
      <c r="H205" s="2" t="s">
        <v>32</v>
      </c>
      <c r="I205" s="3">
        <v>2020</v>
      </c>
      <c r="J205" s="2" t="s">
        <v>33</v>
      </c>
      <c r="K205" s="2"/>
      <c r="L205" s="2" t="s">
        <v>34</v>
      </c>
    </row>
    <row r="206" spans="1:12" ht="15.2" customHeight="1">
      <c r="A206" s="2" t="s">
        <v>594</v>
      </c>
      <c r="B206" s="2" t="s">
        <v>695</v>
      </c>
      <c r="C206" s="2" t="s">
        <v>36</v>
      </c>
      <c r="D206" s="2" t="s">
        <v>37</v>
      </c>
      <c r="E206" s="2" t="s">
        <v>30</v>
      </c>
      <c r="F206" s="2" t="s">
        <v>38</v>
      </c>
      <c r="G206" s="3">
        <v>6</v>
      </c>
      <c r="H206" s="2" t="s">
        <v>32</v>
      </c>
      <c r="I206" s="3">
        <v>2020</v>
      </c>
      <c r="J206" s="2" t="s">
        <v>33</v>
      </c>
      <c r="K206" s="2"/>
      <c r="L206" s="2" t="s">
        <v>39</v>
      </c>
    </row>
    <row r="207" spans="1:12" ht="15.2" customHeight="1">
      <c r="A207" s="2" t="s">
        <v>594</v>
      </c>
      <c r="B207" s="2" t="s">
        <v>151</v>
      </c>
      <c r="C207" s="2" t="s">
        <v>41</v>
      </c>
      <c r="D207" s="2" t="s">
        <v>42</v>
      </c>
      <c r="E207" s="2" t="s">
        <v>30</v>
      </c>
      <c r="F207" s="2" t="s">
        <v>43</v>
      </c>
      <c r="G207" s="3">
        <v>4</v>
      </c>
      <c r="H207" s="2" t="s">
        <v>32</v>
      </c>
      <c r="I207" s="3">
        <v>2020</v>
      </c>
      <c r="J207" s="2" t="s">
        <v>33</v>
      </c>
      <c r="K207" s="2"/>
      <c r="L207" s="2" t="s">
        <v>44</v>
      </c>
    </row>
    <row r="208" spans="1:12" ht="15.2" customHeight="1">
      <c r="A208" s="2" t="s">
        <v>594</v>
      </c>
      <c r="B208" s="2" t="s">
        <v>696</v>
      </c>
      <c r="C208" s="2" t="s">
        <v>46</v>
      </c>
      <c r="D208" s="2" t="s">
        <v>47</v>
      </c>
      <c r="E208" s="2" t="s">
        <v>30</v>
      </c>
      <c r="F208" s="2" t="s">
        <v>48</v>
      </c>
      <c r="G208" s="3">
        <v>11</v>
      </c>
      <c r="H208" s="2" t="s">
        <v>32</v>
      </c>
      <c r="I208" s="3">
        <v>2020</v>
      </c>
      <c r="J208" s="2" t="s">
        <v>33</v>
      </c>
      <c r="K208" s="2"/>
      <c r="L208" s="2" t="s">
        <v>49</v>
      </c>
    </row>
    <row r="209" spans="1:12" ht="15.2" customHeight="1">
      <c r="A209" s="2" t="s">
        <v>594</v>
      </c>
      <c r="B209" s="2" t="s">
        <v>156</v>
      </c>
      <c r="C209" s="2" t="s">
        <v>51</v>
      </c>
      <c r="D209" s="2" t="s">
        <v>52</v>
      </c>
      <c r="E209" s="2" t="s">
        <v>53</v>
      </c>
      <c r="F209" s="2" t="s">
        <v>54</v>
      </c>
      <c r="G209" s="3">
        <v>74</v>
      </c>
      <c r="H209" s="2" t="s">
        <v>55</v>
      </c>
      <c r="I209" s="3">
        <v>2012</v>
      </c>
      <c r="J209" s="2" t="s">
        <v>20</v>
      </c>
      <c r="K209" s="2"/>
      <c r="L209" s="2" t="s">
        <v>56</v>
      </c>
    </row>
    <row r="210" spans="1:12" ht="15.2" customHeight="1">
      <c r="A210" s="2" t="s">
        <v>594</v>
      </c>
      <c r="B210" s="2" t="s">
        <v>161</v>
      </c>
      <c r="C210" s="2" t="s">
        <v>697</v>
      </c>
      <c r="D210" s="2" t="s">
        <v>698</v>
      </c>
      <c r="E210" s="2" t="s">
        <v>687</v>
      </c>
      <c r="F210" s="2" t="s">
        <v>699</v>
      </c>
      <c r="G210" s="3">
        <v>17</v>
      </c>
      <c r="H210" s="2" t="s">
        <v>19</v>
      </c>
      <c r="I210" s="3">
        <v>2017</v>
      </c>
      <c r="J210" s="2" t="s">
        <v>33</v>
      </c>
      <c r="K210" s="2"/>
      <c r="L210" s="2" t="s">
        <v>700</v>
      </c>
    </row>
    <row r="211" spans="1:12" ht="15.2" customHeight="1">
      <c r="A211" s="2" t="s">
        <v>594</v>
      </c>
      <c r="B211" s="2" t="s">
        <v>701</v>
      </c>
      <c r="C211" s="2" t="s">
        <v>702</v>
      </c>
      <c r="D211" s="2" t="s">
        <v>703</v>
      </c>
      <c r="E211" s="2" t="s">
        <v>687</v>
      </c>
      <c r="F211" s="2" t="s">
        <v>704</v>
      </c>
      <c r="G211" s="3">
        <v>8</v>
      </c>
      <c r="H211" s="2" t="s">
        <v>19</v>
      </c>
      <c r="I211" s="3">
        <v>2017</v>
      </c>
      <c r="J211" s="2" t="s">
        <v>33</v>
      </c>
      <c r="K211" s="2"/>
      <c r="L211" s="2" t="s">
        <v>705</v>
      </c>
    </row>
    <row r="212" spans="1:12" ht="15.2" customHeight="1">
      <c r="A212" s="2" t="s">
        <v>594</v>
      </c>
      <c r="B212" s="2" t="s">
        <v>166</v>
      </c>
      <c r="C212" s="2" t="s">
        <v>595</v>
      </c>
      <c r="D212" s="2" t="s">
        <v>596</v>
      </c>
      <c r="E212" s="2" t="s">
        <v>261</v>
      </c>
      <c r="F212" s="2" t="s">
        <v>597</v>
      </c>
      <c r="G212" s="3">
        <v>15</v>
      </c>
      <c r="H212" s="2" t="s">
        <v>19</v>
      </c>
      <c r="I212" s="3">
        <v>2018</v>
      </c>
      <c r="J212" s="2" t="s">
        <v>33</v>
      </c>
      <c r="K212" s="2"/>
      <c r="L212" s="2" t="s">
        <v>598</v>
      </c>
    </row>
    <row r="213" spans="1:12" ht="15.2" customHeight="1">
      <c r="A213" s="2" t="s">
        <v>594</v>
      </c>
      <c r="B213" s="2" t="s">
        <v>167</v>
      </c>
      <c r="C213" s="2" t="s">
        <v>599</v>
      </c>
      <c r="D213" s="2" t="s">
        <v>600</v>
      </c>
      <c r="E213" s="2" t="s">
        <v>261</v>
      </c>
      <c r="F213" s="2" t="s">
        <v>601</v>
      </c>
      <c r="G213" s="3">
        <v>16</v>
      </c>
      <c r="H213" s="2" t="s">
        <v>19</v>
      </c>
      <c r="I213" s="3">
        <v>2018</v>
      </c>
      <c r="J213" s="2" t="s">
        <v>33</v>
      </c>
      <c r="K213" s="2"/>
      <c r="L213" s="2" t="s">
        <v>602</v>
      </c>
    </row>
    <row r="214" spans="1:12" ht="15.2" customHeight="1">
      <c r="A214" s="2" t="s">
        <v>594</v>
      </c>
      <c r="B214" s="2" t="s">
        <v>168</v>
      </c>
      <c r="C214" s="2" t="s">
        <v>612</v>
      </c>
      <c r="D214" s="2" t="s">
        <v>613</v>
      </c>
      <c r="E214" s="2" t="s">
        <v>279</v>
      </c>
      <c r="F214" s="2" t="s">
        <v>614</v>
      </c>
      <c r="G214" s="3">
        <v>7</v>
      </c>
      <c r="H214" s="2" t="s">
        <v>145</v>
      </c>
      <c r="I214" s="3">
        <v>2009</v>
      </c>
      <c r="J214" s="2" t="s">
        <v>20</v>
      </c>
      <c r="K214" s="2"/>
      <c r="L214" s="2" t="s">
        <v>615</v>
      </c>
    </row>
    <row r="215" spans="1:12" ht="15.2" customHeight="1">
      <c r="A215" s="2" t="s">
        <v>594</v>
      </c>
      <c r="B215" s="2" t="s">
        <v>175</v>
      </c>
      <c r="C215" s="2" t="s">
        <v>616</v>
      </c>
      <c r="D215" s="2" t="s">
        <v>617</v>
      </c>
      <c r="E215" s="2" t="s">
        <v>279</v>
      </c>
      <c r="F215" s="2" t="s">
        <v>618</v>
      </c>
      <c r="G215" s="3">
        <v>2</v>
      </c>
      <c r="H215" s="2" t="s">
        <v>360</v>
      </c>
      <c r="I215" s="3">
        <v>2009</v>
      </c>
      <c r="J215" s="2" t="s">
        <v>20</v>
      </c>
      <c r="K215" s="2"/>
      <c r="L215" s="2" t="s">
        <v>619</v>
      </c>
    </row>
    <row r="216" spans="1:12" ht="15.2" customHeight="1">
      <c r="A216" s="2" t="s">
        <v>594</v>
      </c>
      <c r="B216" s="2" t="s">
        <v>180</v>
      </c>
      <c r="C216" s="2" t="s">
        <v>620</v>
      </c>
      <c r="D216" s="2"/>
      <c r="E216" s="2" t="s">
        <v>289</v>
      </c>
      <c r="F216" s="2" t="s">
        <v>621</v>
      </c>
      <c r="G216" s="3">
        <v>5</v>
      </c>
      <c r="H216" s="2" t="s">
        <v>108</v>
      </c>
      <c r="I216" s="3">
        <v>2019</v>
      </c>
      <c r="J216" s="2" t="s">
        <v>20</v>
      </c>
      <c r="K216" s="2"/>
      <c r="L216" s="2" t="s">
        <v>622</v>
      </c>
    </row>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0-10-22T14:55:45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